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4334"/>
  <workbookPr/>
  <mc:AlternateContent xmlns:mc="http://schemas.openxmlformats.org/markup-compatibility/2006">
    <mc:Choice Requires="x15">
      <x15ac:absPath xmlns:x15ac="http://schemas.microsoft.com/office/spreadsheetml/2010/11/ac" url="C:\Users\i2009886\Desktop\HP依頼・動画\2026年度\20260402_緩和ケア申込書\"/>
    </mc:Choice>
  </mc:AlternateContent>
  <xr:revisionPtr revIDLastSave="0" documentId="8_{EA5B512C-A192-48F2-9F35-4A6FCB2CEEC2}" xr6:coauthVersionLast="47" xr6:coauthVersionMax="47" xr10:uidLastSave="{00000000-0000-0000-0000-000000000000}"/>
  <bookViews>
    <workbookView xWindow="-120" yWindow="-120" windowWidth="29040" windowHeight="15720"/>
  </bookViews>
  <sheets>
    <sheet name="Sheet1" sheetId="1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16" uniqueCount="94">
  <si>
    <t>ふりがな</t>
    <phoneticPr fontId="1"/>
  </si>
  <si>
    <t>がん病名
告知</t>
    <rPh sb="2" eb="4">
      <t>ビョウメイ</t>
    </rPh>
    <rPh sb="5" eb="7">
      <t>コクチ</t>
    </rPh>
    <phoneticPr fontId="1"/>
  </si>
  <si>
    <t>本人</t>
    <rPh sb="0" eb="2">
      <t>ホンニン</t>
    </rPh>
    <phoneticPr fontId="1"/>
  </si>
  <si>
    <t>(原則告知)</t>
    <rPh sb="1" eb="3">
      <t>ゲンソク</t>
    </rPh>
    <rPh sb="3" eb="5">
      <t>コクチ</t>
    </rPh>
    <phoneticPr fontId="1"/>
  </si>
  <si>
    <t>キーパーソン</t>
    <phoneticPr fontId="1"/>
  </si>
  <si>
    <t>DNAR</t>
    <phoneticPr fontId="1"/>
  </si>
  <si>
    <t>急変時の蘇生処置は施行しないという説明について</t>
    <rPh sb="0" eb="2">
      <t>キュウヘン</t>
    </rPh>
    <rPh sb="2" eb="3">
      <t>ジ</t>
    </rPh>
    <rPh sb="4" eb="6">
      <t>ソセイ</t>
    </rPh>
    <rPh sb="6" eb="8">
      <t>ショチ</t>
    </rPh>
    <rPh sb="9" eb="11">
      <t>セコウ</t>
    </rPh>
    <rPh sb="17" eb="19">
      <t>セツメイ</t>
    </rPh>
    <phoneticPr fontId="1"/>
  </si>
  <si>
    <t>家族構成</t>
    <rPh sb="0" eb="2">
      <t>カゾク</t>
    </rPh>
    <rPh sb="2" eb="4">
      <t>コウセイ</t>
    </rPh>
    <phoneticPr fontId="1"/>
  </si>
  <si>
    <t>家族・介護
状況など
特記事項</t>
    <rPh sb="0" eb="2">
      <t>カゾク</t>
    </rPh>
    <rPh sb="3" eb="5">
      <t>カイゴ</t>
    </rPh>
    <rPh sb="6" eb="8">
      <t>ジョウキョウ</t>
    </rPh>
    <rPh sb="11" eb="13">
      <t>トッキ</t>
    </rPh>
    <rPh sb="13" eb="15">
      <t>ジコウ</t>
    </rPh>
    <phoneticPr fontId="1"/>
  </si>
  <si>
    <t>送信者
(紹介元)</t>
    <rPh sb="0" eb="3">
      <t>ソウシンシャ</t>
    </rPh>
    <rPh sb="5" eb="7">
      <t>ショウカイ</t>
    </rPh>
    <rPh sb="7" eb="8">
      <t>モト</t>
    </rPh>
    <phoneticPr fontId="1"/>
  </si>
  <si>
    <t xml:space="preserve">〈家系図〉※本人と同居の方は丸く囲ってください
□男性　○女性（本人は二重枠）
■男性（死亡）　●女性（死亡）
</t>
    <rPh sb="1" eb="4">
      <t>カケイズ</t>
    </rPh>
    <rPh sb="6" eb="8">
      <t>ホンニン</t>
    </rPh>
    <rPh sb="9" eb="11">
      <t>ドウキョ</t>
    </rPh>
    <rPh sb="12" eb="13">
      <t>カタ</t>
    </rPh>
    <rPh sb="14" eb="15">
      <t>マル</t>
    </rPh>
    <rPh sb="16" eb="17">
      <t>カコ</t>
    </rPh>
    <phoneticPr fontId="1"/>
  </si>
  <si>
    <t>※診療情報提供書と看護サマリーを添付してお送り下さい</t>
    <rPh sb="1" eb="5">
      <t>シンリョウジョウホウ</t>
    </rPh>
    <rPh sb="5" eb="8">
      <t>テイキョウショ</t>
    </rPh>
    <rPh sb="9" eb="11">
      <t>カンゴ</t>
    </rPh>
    <rPh sb="16" eb="18">
      <t>テンプ</t>
    </rPh>
    <rPh sb="21" eb="22">
      <t>オク</t>
    </rPh>
    <rPh sb="23" eb="24">
      <t>クダ</t>
    </rPh>
    <phoneticPr fontId="1"/>
  </si>
  <si>
    <t>主病名</t>
    <rPh sb="0" eb="3">
      <t>シュビョウメイ</t>
    </rPh>
    <phoneticPr fontId="1"/>
  </si>
  <si>
    <t>上記以外にお住まいの方</t>
  </si>
  <si>
    <t>特別室</t>
    <rPh sb="0" eb="3">
      <t>トクベツシツ</t>
    </rPh>
    <phoneticPr fontId="1"/>
  </si>
  <si>
    <t>個室</t>
    <rPh sb="0" eb="2">
      <t>コシツ</t>
    </rPh>
    <phoneticPr fontId="1"/>
  </si>
  <si>
    <t>2人部屋</t>
    <rPh sb="0" eb="2">
      <t>フタリ</t>
    </rPh>
    <rPh sb="2" eb="4">
      <t>ベヤ</t>
    </rPh>
    <phoneticPr fontId="1"/>
  </si>
  <si>
    <t>特別室・個室等料金表
（税込／１日分の料金）</t>
    <rPh sb="6" eb="7">
      <t>トウ</t>
    </rPh>
    <rPh sb="7" eb="9">
      <t>リョウキン</t>
    </rPh>
    <rPh sb="9" eb="10">
      <t>ヒョウ</t>
    </rPh>
    <rPh sb="12" eb="14">
      <t>ゼイコ</t>
    </rPh>
    <rPh sb="16" eb="17">
      <t>ニチ</t>
    </rPh>
    <rPh sb="17" eb="18">
      <t>ブン</t>
    </rPh>
    <rPh sb="19" eb="21">
      <t>リョウキン</t>
    </rPh>
    <phoneticPr fontId="1"/>
  </si>
  <si>
    <t>FAX：06-6150-8686</t>
    <phoneticPr fontId="1"/>
  </si>
  <si>
    <t>大阪市立十三市民病院　地域医療連携室　行</t>
    <rPh sb="0" eb="2">
      <t>オオサカ</t>
    </rPh>
    <rPh sb="2" eb="4">
      <t>シリツ</t>
    </rPh>
    <rPh sb="4" eb="6">
      <t>ジュウソウ</t>
    </rPh>
    <rPh sb="6" eb="8">
      <t>シミン</t>
    </rPh>
    <rPh sb="8" eb="10">
      <t>ビョウイン</t>
    </rPh>
    <rPh sb="11" eb="13">
      <t>チイキ</t>
    </rPh>
    <rPh sb="13" eb="15">
      <t>イリョウ</t>
    </rPh>
    <rPh sb="15" eb="18">
      <t>レンケイシツ</t>
    </rPh>
    <rPh sb="19" eb="20">
      <t>イ</t>
    </rPh>
    <phoneticPr fontId="1"/>
  </si>
  <si>
    <t>日</t>
    <rPh sb="0" eb="1">
      <t>ヒ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記載日：西暦　　</t>
    <rPh sb="0" eb="3">
      <t>キサイビ</t>
    </rPh>
    <rPh sb="4" eb="6">
      <t>セイレキ</t>
    </rPh>
    <phoneticPr fontId="1"/>
  </si>
  <si>
    <t>歳</t>
    <rPh sb="0" eb="1">
      <t>サイ</t>
    </rPh>
    <phoneticPr fontId="1"/>
  </si>
  <si>
    <t>年齢</t>
    <rPh sb="0" eb="2">
      <t>ネンレイ</t>
    </rPh>
    <phoneticPr fontId="1"/>
  </si>
  <si>
    <t>性別</t>
    <rPh sb="0" eb="2">
      <t>セイベツ</t>
    </rPh>
    <phoneticPr fontId="1"/>
  </si>
  <si>
    <t>生年
月日</t>
    <rPh sb="0" eb="2">
      <t>セイネン</t>
    </rPh>
    <rPh sb="3" eb="5">
      <t>ガッピ</t>
    </rPh>
    <phoneticPr fontId="1"/>
  </si>
  <si>
    <t>患者
氏名</t>
    <rPh sb="0" eb="2">
      <t>カンジャ</t>
    </rPh>
    <rPh sb="3" eb="5">
      <t>シメイ</t>
    </rPh>
    <phoneticPr fontId="1"/>
  </si>
  <si>
    <t>大 ・ 昭 ・ 平 ・ 令</t>
    <phoneticPr fontId="1"/>
  </si>
  <si>
    <t>患者
住所</t>
    <rPh sb="0" eb="2">
      <t>カンジャ</t>
    </rPh>
    <rPh sb="3" eb="5">
      <t>ジュウショ</t>
    </rPh>
    <phoneticPr fontId="1"/>
  </si>
  <si>
    <t>〒</t>
    <phoneticPr fontId="1"/>
  </si>
  <si>
    <t>-</t>
    <phoneticPr fontId="1"/>
  </si>
  <si>
    <t>電話</t>
    <rPh sb="0" eb="2">
      <t>デンワ</t>
    </rPh>
    <phoneticPr fontId="1"/>
  </si>
  <si>
    <t>□　貴院より転院</t>
    <rPh sb="2" eb="4">
      <t>キイン</t>
    </rPh>
    <rPh sb="6" eb="8">
      <t>テンイン</t>
    </rPh>
    <phoneticPr fontId="1"/>
  </si>
  <si>
    <t>紹介
目的</t>
    <rPh sb="0" eb="2">
      <t>ショウカイ</t>
    </rPh>
    <rPh sb="3" eb="5">
      <t>モクテキ</t>
    </rPh>
    <phoneticPr fontId="1"/>
  </si>
  <si>
    <t>推定
予後</t>
    <rPh sb="0" eb="2">
      <t>スイテイ</t>
    </rPh>
    <rPh sb="3" eb="5">
      <t>ヨゴ</t>
    </rPh>
    <phoneticPr fontId="1"/>
  </si>
  <si>
    <t>□　１～３ヶ月以内</t>
    <rPh sb="6" eb="7">
      <t>ゲツ</t>
    </rPh>
    <rPh sb="7" eb="9">
      <t>イナイ</t>
    </rPh>
    <phoneticPr fontId="1"/>
  </si>
  <si>
    <t>□　１ヶ月以内</t>
    <rPh sb="4" eb="5">
      <t>ゲツ</t>
    </rPh>
    <rPh sb="5" eb="7">
      <t>イナイ</t>
    </rPh>
    <phoneticPr fontId="1"/>
  </si>
  <si>
    <t>□　６ヶ月～１年以内</t>
    <rPh sb="4" eb="5">
      <t>ゲツ</t>
    </rPh>
    <rPh sb="7" eb="8">
      <t>ネン</t>
    </rPh>
    <rPh sb="8" eb="10">
      <t>イナイ</t>
    </rPh>
    <phoneticPr fontId="1"/>
  </si>
  <si>
    <t>□　３～６ヶ月以内</t>
    <rPh sb="6" eb="7">
      <t>ゲツ</t>
    </rPh>
    <rPh sb="7" eb="9">
      <t>イナイ</t>
    </rPh>
    <phoneticPr fontId="1"/>
  </si>
  <si>
    <t>□　不明</t>
    <rPh sb="2" eb="4">
      <t>フメイ</t>
    </rPh>
    <phoneticPr fontId="1"/>
  </si>
  <si>
    <r>
      <t>□　男</t>
    </r>
    <r>
      <rPr>
        <sz val="6"/>
        <color indexed="8"/>
        <rFont val="ＭＳ Ｐゴシック"/>
        <family val="3"/>
        <charset val="128"/>
      </rPr>
      <t xml:space="preserve">
</t>
    </r>
    <r>
      <rPr>
        <sz val="11"/>
        <color indexed="8"/>
        <rFont val="ＭＳ Ｐゴシック"/>
        <family val="3"/>
        <charset val="128"/>
      </rPr>
      <t>□　女</t>
    </r>
    <rPh sb="2" eb="3">
      <t>オトコ</t>
    </rPh>
    <rPh sb="7" eb="8">
      <t>オンナ</t>
    </rPh>
    <phoneticPr fontId="1"/>
  </si>
  <si>
    <t>□　なし</t>
    <phoneticPr fontId="1"/>
  </si>
  <si>
    <t>予後
告知</t>
    <rPh sb="0" eb="2">
      <t>ヨゴ</t>
    </rPh>
    <rPh sb="3" eb="5">
      <t>コクチ</t>
    </rPh>
    <phoneticPr fontId="1"/>
  </si>
  <si>
    <t>□　あり（　　　　年　　　　月頃）</t>
    <rPh sb="9" eb="10">
      <t>ネン</t>
    </rPh>
    <rPh sb="14" eb="15">
      <t>ツキ</t>
    </rPh>
    <rPh sb="15" eb="16">
      <t>コロ</t>
    </rPh>
    <phoneticPr fontId="1"/>
  </si>
  <si>
    <t>緩和ケア
病棟への
入棟希望</t>
    <rPh sb="0" eb="2">
      <t>カンワ</t>
    </rPh>
    <rPh sb="5" eb="7">
      <t>ビョウトウ</t>
    </rPh>
    <rPh sb="10" eb="12">
      <t>ニュウトウ</t>
    </rPh>
    <rPh sb="12" eb="14">
      <t>キボウ</t>
    </rPh>
    <phoneticPr fontId="1"/>
  </si>
  <si>
    <t>□　本人に説明済み</t>
    <rPh sb="2" eb="4">
      <t>ホンニン</t>
    </rPh>
    <rPh sb="5" eb="7">
      <t>セツメイ</t>
    </rPh>
    <rPh sb="7" eb="8">
      <t>ス</t>
    </rPh>
    <phoneticPr fontId="1"/>
  </si>
  <si>
    <t>氏名：</t>
    <rPh sb="0" eb="2">
      <t>シメイ</t>
    </rPh>
    <phoneticPr fontId="1"/>
  </si>
  <si>
    <t>入院
保証人
連絡先</t>
    <rPh sb="0" eb="2">
      <t>ニュウイン</t>
    </rPh>
    <rPh sb="3" eb="6">
      <t>ホショウニン</t>
    </rPh>
    <rPh sb="7" eb="10">
      <t>レンラクサキ</t>
    </rPh>
    <phoneticPr fontId="1"/>
  </si>
  <si>
    <t>電話番号（当院から連絡する場合があります）</t>
    <rPh sb="0" eb="2">
      <t>デンワ</t>
    </rPh>
    <rPh sb="2" eb="4">
      <t>バンゴウ</t>
    </rPh>
    <phoneticPr fontId="1"/>
  </si>
  <si>
    <t>続柄：</t>
    <rPh sb="0" eb="2">
      <t>ゾクガラ</t>
    </rPh>
    <phoneticPr fontId="1"/>
  </si>
  <si>
    <t>総室
（4人部屋）</t>
    <rPh sb="0" eb="2">
      <t>ソウシツ</t>
    </rPh>
    <rPh sb="5" eb="6">
      <t>ニン</t>
    </rPh>
    <rPh sb="6" eb="8">
      <t>ベヤ</t>
    </rPh>
    <phoneticPr fontId="1"/>
  </si>
  <si>
    <t>※空床待ちの場合　→　□　早期入院できるならどの病室でもよい　　□　希望部屋が空くまで待機</t>
    <rPh sb="1" eb="3">
      <t>クウショウ</t>
    </rPh>
    <rPh sb="3" eb="4">
      <t>マ</t>
    </rPh>
    <rPh sb="6" eb="8">
      <t>バアイ</t>
    </rPh>
    <rPh sb="13" eb="15">
      <t>ソウキ</t>
    </rPh>
    <rPh sb="15" eb="17">
      <t>ニュウイン</t>
    </rPh>
    <rPh sb="24" eb="26">
      <t>ビョウシツ</t>
    </rPh>
    <rPh sb="34" eb="36">
      <t>キボウ</t>
    </rPh>
    <rPh sb="36" eb="38">
      <t>ヘヤ</t>
    </rPh>
    <rPh sb="39" eb="40">
      <t>ア</t>
    </rPh>
    <rPh sb="43" eb="45">
      <t>タイキ</t>
    </rPh>
    <phoneticPr fontId="1"/>
  </si>
  <si>
    <t>来院
予定者</t>
    <rPh sb="0" eb="2">
      <t>ライイン</t>
    </rPh>
    <rPh sb="3" eb="6">
      <t>ヨテイシャ</t>
    </rPh>
    <phoneticPr fontId="1"/>
  </si>
  <si>
    <t>病室
希望</t>
    <rPh sb="0" eb="2">
      <t>ビョウシツ</t>
    </rPh>
    <rPh sb="3" eb="5">
      <t>キボウ</t>
    </rPh>
    <phoneticPr fontId="1"/>
  </si>
  <si>
    <t>住所（〒　　　　　-　　　　　　　）</t>
    <rPh sb="0" eb="2">
      <t>ジュウショ</t>
    </rPh>
    <phoneticPr fontId="1"/>
  </si>
  <si>
    <t>□　無料</t>
    <rPh sb="2" eb="4">
      <t>ムリョウ</t>
    </rPh>
    <phoneticPr fontId="1"/>
  </si>
  <si>
    <t>□　2,420円</t>
    <rPh sb="7" eb="8">
      <t>エン</t>
    </rPh>
    <phoneticPr fontId="1"/>
  </si>
  <si>
    <t>□　2,910円</t>
    <rPh sb="7" eb="8">
      <t>エン</t>
    </rPh>
    <phoneticPr fontId="1"/>
  </si>
  <si>
    <t>□　11,000円</t>
    <rPh sb="8" eb="9">
      <t>エン</t>
    </rPh>
    <phoneticPr fontId="1"/>
  </si>
  <si>
    <t>□　13,200円</t>
    <rPh sb="8" eb="9">
      <t>エン</t>
    </rPh>
    <phoneticPr fontId="1"/>
  </si>
  <si>
    <t>□　16,500円</t>
    <rPh sb="8" eb="9">
      <t>エン</t>
    </rPh>
    <phoneticPr fontId="1"/>
  </si>
  <si>
    <t>□　19,800円</t>
    <rPh sb="8" eb="9">
      <t>エン</t>
    </rPh>
    <phoneticPr fontId="1"/>
  </si>
  <si>
    <t>医療機関名　　　　　　　　　　　　　　　　　　</t>
    <rPh sb="0" eb="2">
      <t>イリョウ</t>
    </rPh>
    <rPh sb="2" eb="5">
      <t>キカンメイ</t>
    </rPh>
    <phoneticPr fontId="1"/>
  </si>
  <si>
    <t>担当者氏名</t>
    <phoneticPr fontId="1"/>
  </si>
  <si>
    <t>（　　　　　　　　　　　）　　　　　　　　－　　　　</t>
    <phoneticPr fontId="1"/>
  </si>
  <si>
    <t>住所（〒　　　　　　-　　　　　　）</t>
    <rPh sb="0" eb="2">
      <t>ジュウショ</t>
    </rPh>
    <phoneticPr fontId="1"/>
  </si>
  <si>
    <t>緩和ケア内科外来受診申込書（紹介元医療機関記載用）</t>
    <rPh sb="0" eb="2">
      <t>カンワ</t>
    </rPh>
    <rPh sb="4" eb="6">
      <t>ナイカ</t>
    </rPh>
    <rPh sb="6" eb="8">
      <t>ガイライ</t>
    </rPh>
    <rPh sb="8" eb="10">
      <t>ジュシン</t>
    </rPh>
    <rPh sb="10" eb="13">
      <t>モウシコミショ</t>
    </rPh>
    <rPh sb="13" eb="14">
      <t>モト</t>
    </rPh>
    <rPh sb="14" eb="16">
      <t>ショウカイ</t>
    </rPh>
    <rPh sb="16" eb="17">
      <t>モト</t>
    </rPh>
    <rPh sb="17" eb="19">
      <t>イリョウ</t>
    </rPh>
    <rPh sb="18" eb="20">
      <t>キサイ</t>
    </rPh>
    <rPh sb="20" eb="21">
      <t>ヨウ</t>
    </rPh>
    <phoneticPr fontId="1"/>
  </si>
  <si>
    <t>□　１年以上</t>
    <rPh sb="3" eb="4">
      <t>ネン</t>
    </rPh>
    <rPh sb="4" eb="6">
      <t>イジョウ</t>
    </rPh>
    <phoneticPr fontId="1"/>
  </si>
  <si>
    <t>　□　当院のみ</t>
    <rPh sb="3" eb="5">
      <t>トウイン</t>
    </rPh>
    <phoneticPr fontId="1"/>
  </si>
  <si>
    <t>□　家族のみの受診</t>
    <rPh sb="2" eb="4">
      <t>カゾク</t>
    </rPh>
    <rPh sb="7" eb="9">
      <t>ジュシン</t>
    </rPh>
    <phoneticPr fontId="1"/>
  </si>
  <si>
    <t>□　患者と家族の受診</t>
    <rPh sb="2" eb="4">
      <t>カンジャ</t>
    </rPh>
    <rPh sb="5" eb="7">
      <t>カゾク</t>
    </rPh>
    <rPh sb="8" eb="10">
      <t>ジュシン</t>
    </rPh>
    <phoneticPr fontId="1"/>
  </si>
  <si>
    <t>※バックアップは原則在宅医からの依頼をお受けしております。</t>
    <rPh sb="8" eb="10">
      <t>ゲンソク</t>
    </rPh>
    <rPh sb="10" eb="13">
      <t>ザイタクイ</t>
    </rPh>
    <rPh sb="16" eb="18">
      <t>イライ</t>
    </rPh>
    <rPh sb="20" eb="21">
      <t>ウ</t>
    </rPh>
    <phoneticPr fontId="1"/>
  </si>
  <si>
    <t>相談状況</t>
    <rPh sb="0" eb="2">
      <t>ソウダン</t>
    </rPh>
    <rPh sb="2" eb="4">
      <t>ジョウキョウ</t>
    </rPh>
    <phoneticPr fontId="1"/>
  </si>
  <si>
    <t>　□　他院並行</t>
    <rPh sb="3" eb="5">
      <t>タイン</t>
    </rPh>
    <rPh sb="5" eb="7">
      <t>ヘイコウ</t>
    </rPh>
    <phoneticPr fontId="1"/>
  </si>
  <si>
    <t>□なし</t>
    <phoneticPr fontId="1"/>
  </si>
  <si>
    <t>]</t>
    <phoneticPr fontId="1"/>
  </si>
  <si>
    <t>□　在宅医診療継続、入院は十三市民病院対応 ［かかりつけ医：</t>
    <rPh sb="2" eb="5">
      <t>ザイタクイ</t>
    </rPh>
    <rPh sb="5" eb="7">
      <t>シンリョウ</t>
    </rPh>
    <rPh sb="7" eb="9">
      <t>ケイゾク</t>
    </rPh>
    <rPh sb="10" eb="12">
      <t>ニュウイン</t>
    </rPh>
    <rPh sb="13" eb="15">
      <t>ジュウソウ</t>
    </rPh>
    <rPh sb="15" eb="17">
      <t>シミン</t>
    </rPh>
    <rPh sb="17" eb="19">
      <t>ビョウイン</t>
    </rPh>
    <rPh sb="19" eb="21">
      <t>タイオウ</t>
    </rPh>
    <rPh sb="28" eb="29">
      <t>イ</t>
    </rPh>
    <phoneticPr fontId="1"/>
  </si>
  <si>
    <t>③</t>
    <phoneticPr fontId="1"/>
  </si>
  <si>
    <t>②</t>
    <phoneticPr fontId="1"/>
  </si>
  <si>
    <t>※家族の氏名(又は続柄)　①</t>
    <rPh sb="1" eb="3">
      <t>カゾク</t>
    </rPh>
    <phoneticPr fontId="1"/>
  </si>
  <si>
    <t>）</t>
    <phoneticPr fontId="1"/>
  </si>
  <si>
    <t>□あり（　</t>
    <phoneticPr fontId="1"/>
  </si>
  <si>
    <t>電話番号：（　　　　　　）　　　　　　　　　-　　　　　　　　</t>
    <phoneticPr fontId="1"/>
  </si>
  <si>
    <t>FAX：（　　　　　　）　　　　　　　　　-　　　　　　</t>
    <phoneticPr fontId="1"/>
  </si>
  <si>
    <t>病院又は有床診療所の
外来受診継続の有無</t>
    <rPh sb="0" eb="2">
      <t>ビョウイン</t>
    </rPh>
    <rPh sb="2" eb="3">
      <t>マタ</t>
    </rPh>
    <rPh sb="4" eb="9">
      <t>ユウショウシンリョウジョ</t>
    </rPh>
    <rPh sb="11" eb="13">
      <t>ガイライ</t>
    </rPh>
    <rPh sb="13" eb="15">
      <t>ジュシン</t>
    </rPh>
    <rPh sb="15" eb="17">
      <t>ケイゾク</t>
    </rPh>
    <rPh sb="18" eb="20">
      <t>ウム</t>
    </rPh>
    <phoneticPr fontId="1"/>
  </si>
  <si>
    <r>
      <t>（　　　　　　　　　）</t>
    </r>
    <r>
      <rPr>
        <sz val="6"/>
        <color indexed="8"/>
        <rFont val="ＭＳ Ｐゴシック"/>
        <family val="3"/>
        <charset val="128"/>
      </rPr>
      <t xml:space="preserve">
</t>
    </r>
    <r>
      <rPr>
        <sz val="11"/>
        <color indexed="8"/>
        <rFont val="ＭＳ Ｐゴシック"/>
        <family val="3"/>
        <charset val="128"/>
      </rPr>
      <t xml:space="preserve">
 -</t>
    </r>
    <phoneticPr fontId="1"/>
  </si>
  <si>
    <t>主保険</t>
    <rPh sb="0" eb="3">
      <t>シュホケン</t>
    </rPh>
    <phoneticPr fontId="1"/>
  </si>
  <si>
    <t>□　後期　　□　国保　　□　社保　　□　生保　　□　その他（　　　　　　　　　）</t>
    <rPh sb="2" eb="4">
      <t>コウキ</t>
    </rPh>
    <rPh sb="8" eb="10">
      <t>コクホ</t>
    </rPh>
    <rPh sb="14" eb="16">
      <t>シャホ</t>
    </rPh>
    <rPh sb="20" eb="22">
      <t>セイホ</t>
    </rPh>
    <rPh sb="28" eb="29">
      <t>タ</t>
    </rPh>
    <phoneticPr fontId="1"/>
  </si>
  <si>
    <t>□　キーパーソン [　</t>
    <phoneticPr fontId="1"/>
  </si>
  <si>
    <t>] に説明済み</t>
    <phoneticPr fontId="1"/>
  </si>
  <si>
    <t>大阪市・八尾市にお住まいの方</t>
    <phoneticPr fontId="1"/>
  </si>
  <si>
    <t>確定診断日</t>
    <rPh sb="0" eb="2">
      <t>カクテイ</t>
    </rPh>
    <rPh sb="2" eb="5">
      <t>シンダンビ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color indexed="8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47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5" fillId="0" borderId="0" xfId="0" applyFont="1">
      <alignment vertical="center"/>
    </xf>
    <xf numFmtId="0" fontId="5" fillId="0" borderId="0" xfId="0" applyFont="1" applyAlignment="1">
      <alignment vertical="center"/>
    </xf>
    <xf numFmtId="0" fontId="5" fillId="0" borderId="1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 applyAlignment="1">
      <alignment vertical="center"/>
    </xf>
    <xf numFmtId="0" fontId="5" fillId="0" borderId="3" xfId="0" applyFont="1" applyBorder="1" applyAlignment="1">
      <alignment horizontal="right"/>
    </xf>
    <xf numFmtId="0" fontId="5" fillId="0" borderId="4" xfId="0" applyFont="1" applyBorder="1" applyAlignment="1">
      <alignment vertical="center"/>
    </xf>
    <xf numFmtId="0" fontId="5" fillId="0" borderId="4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7" fillId="0" borderId="0" xfId="0" applyFont="1">
      <alignment vertical="center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5" fillId="0" borderId="0" xfId="0" applyFont="1" applyBorder="1" applyAlignment="1">
      <alignment horizontal="left" vertical="center" indent="1"/>
    </xf>
    <xf numFmtId="0" fontId="5" fillId="0" borderId="1" xfId="0" applyFont="1" applyBorder="1" applyAlignment="1"/>
    <xf numFmtId="0" fontId="5" fillId="0" borderId="1" xfId="0" applyFont="1" applyBorder="1" applyAlignment="1">
      <alignment horizontal="left" indent="1"/>
    </xf>
    <xf numFmtId="0" fontId="5" fillId="0" borderId="0" xfId="0" applyFont="1" applyAlignment="1"/>
    <xf numFmtId="0" fontId="8" fillId="0" borderId="4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5" fillId="0" borderId="4" xfId="0" applyFont="1" applyFill="1" applyBorder="1" applyAlignment="1">
      <alignment vertical="center"/>
    </xf>
    <xf numFmtId="0" fontId="5" fillId="0" borderId="4" xfId="0" applyFont="1" applyBorder="1" applyAlignment="1">
      <alignment horizontal="left" vertical="center" indent="1"/>
    </xf>
    <xf numFmtId="0" fontId="8" fillId="0" borderId="4" xfId="0" applyFont="1" applyBorder="1" applyAlignment="1">
      <alignment horizontal="center" vertical="center"/>
    </xf>
    <xf numFmtId="0" fontId="5" fillId="0" borderId="0" xfId="0" applyFont="1" applyFill="1" applyBorder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1" xfId="0" applyFont="1" applyFill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5" fillId="0" borderId="1" xfId="0" applyFont="1" applyFill="1" applyBorder="1" applyAlignment="1">
      <alignment horizontal="left" vertical="center" indent="1"/>
    </xf>
    <xf numFmtId="0" fontId="5" fillId="0" borderId="4" xfId="0" applyFont="1" applyFill="1" applyBorder="1" applyAlignment="1">
      <alignment horizontal="left" vertical="center" indent="1"/>
    </xf>
    <xf numFmtId="0" fontId="5" fillId="0" borderId="4" xfId="0" applyFont="1" applyFill="1" applyBorder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3" xfId="0" applyFont="1" applyBorder="1" applyAlignment="1">
      <alignment vertical="top"/>
    </xf>
    <xf numFmtId="0" fontId="5" fillId="0" borderId="1" xfId="0" applyFont="1" applyBorder="1" applyAlignment="1">
      <alignment horizontal="left" vertical="center" indent="1"/>
    </xf>
    <xf numFmtId="0" fontId="8" fillId="0" borderId="4" xfId="0" applyFont="1" applyBorder="1" applyAlignment="1">
      <alignment horizontal="center" vertical="center"/>
    </xf>
    <xf numFmtId="0" fontId="5" fillId="0" borderId="4" xfId="0" applyFont="1" applyBorder="1" applyAlignment="1">
      <alignment horizontal="right" vertical="center"/>
    </xf>
    <xf numFmtId="0" fontId="5" fillId="0" borderId="4" xfId="0" applyFont="1" applyBorder="1" applyAlignment="1">
      <alignment horizontal="left" vertical="center" indent="1"/>
    </xf>
    <xf numFmtId="0" fontId="4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5" fillId="0" borderId="10" xfId="0" applyFont="1" applyBorder="1">
      <alignment vertical="center"/>
    </xf>
    <xf numFmtId="0" fontId="5" fillId="0" borderId="10" xfId="0" applyFont="1" applyBorder="1" applyAlignment="1">
      <alignment horizontal="center" vertical="center" textRotation="255"/>
    </xf>
    <xf numFmtId="0" fontId="5" fillId="0" borderId="1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4" fillId="0" borderId="10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5" fillId="0" borderId="10" xfId="0" applyFont="1" applyBorder="1" applyAlignment="1">
      <alignment horizontal="left" vertical="center" indent="1"/>
    </xf>
    <xf numFmtId="0" fontId="5" fillId="0" borderId="4" xfId="0" applyFont="1" applyBorder="1" applyAlignment="1">
      <alignment horizontal="left" vertical="top" indent="1"/>
    </xf>
    <xf numFmtId="0" fontId="5" fillId="0" borderId="1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8" fillId="0" borderId="12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10" fillId="0" borderId="1" xfId="0" applyFont="1" applyBorder="1" applyAlignment="1">
      <alignment horizontal="right" vertical="center"/>
    </xf>
    <xf numFmtId="0" fontId="10" fillId="0" borderId="0" xfId="0" applyFont="1" applyAlignment="1">
      <alignment vertical="center"/>
    </xf>
    <xf numFmtId="0" fontId="6" fillId="0" borderId="10" xfId="0" applyFont="1" applyBorder="1" applyAlignment="1"/>
    <xf numFmtId="0" fontId="6" fillId="0" borderId="11" xfId="0" applyFont="1" applyBorder="1" applyAlignment="1">
      <alignment horizontal="right"/>
    </xf>
    <xf numFmtId="0" fontId="6" fillId="0" borderId="10" xfId="0" applyFont="1" applyBorder="1" applyAlignment="1">
      <alignment horizontal="right"/>
    </xf>
    <xf numFmtId="0" fontId="6" fillId="0" borderId="10" xfId="0" applyFont="1" applyBorder="1" applyAlignment="1">
      <alignment horizont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24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5" fillId="0" borderId="1" xfId="0" applyFont="1" applyFill="1" applyBorder="1" applyAlignment="1">
      <alignment horizontal="left" vertical="center" indent="1"/>
    </xf>
    <xf numFmtId="0" fontId="5" fillId="0" borderId="1" xfId="0" applyFont="1" applyBorder="1" applyAlignment="1">
      <alignment horizontal="center" vertical="center"/>
    </xf>
    <xf numFmtId="0" fontId="8" fillId="0" borderId="25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0" fontId="5" fillId="0" borderId="25" xfId="0" applyFont="1" applyBorder="1" applyAlignment="1">
      <alignment horizontal="center" vertical="center" wrapText="1"/>
    </xf>
    <xf numFmtId="0" fontId="5" fillId="0" borderId="26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10" fillId="0" borderId="10" xfId="0" applyFont="1" applyBorder="1" applyAlignment="1">
      <alignment horizontal="right" vertical="center"/>
    </xf>
    <xf numFmtId="0" fontId="11" fillId="0" borderId="28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 indent="1"/>
    </xf>
    <xf numFmtId="0" fontId="5" fillId="0" borderId="3" xfId="0" applyFont="1" applyBorder="1" applyAlignment="1">
      <alignment horizontal="left" vertical="center" indent="1"/>
    </xf>
    <xf numFmtId="0" fontId="5" fillId="0" borderId="1" xfId="0" applyFont="1" applyBorder="1" applyAlignment="1">
      <alignment horizontal="left" vertical="center" indent="1"/>
    </xf>
    <xf numFmtId="0" fontId="5" fillId="0" borderId="2" xfId="0" applyFont="1" applyBorder="1" applyAlignment="1">
      <alignment horizontal="left" vertical="center" indent="1"/>
    </xf>
    <xf numFmtId="0" fontId="5" fillId="0" borderId="30" xfId="0" applyFont="1" applyBorder="1" applyAlignment="1">
      <alignment horizontal="center" vertical="center" textRotation="255"/>
    </xf>
    <xf numFmtId="0" fontId="5" fillId="0" borderId="31" xfId="0" applyFont="1" applyBorder="1" applyAlignment="1">
      <alignment horizontal="center" vertical="center" textRotation="255"/>
    </xf>
    <xf numFmtId="0" fontId="5" fillId="0" borderId="25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5" fillId="0" borderId="3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 wrapText="1"/>
    </xf>
    <xf numFmtId="0" fontId="11" fillId="0" borderId="25" xfId="0" applyFont="1" applyBorder="1" applyAlignment="1">
      <alignment horizontal="center" vertical="center" wrapText="1"/>
    </xf>
    <xf numFmtId="0" fontId="11" fillId="0" borderId="26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/>
    </xf>
    <xf numFmtId="0" fontId="5" fillId="0" borderId="28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13" fillId="0" borderId="24" xfId="0" applyFont="1" applyBorder="1" applyAlignment="1">
      <alignment horizontal="center" vertical="center"/>
    </xf>
    <xf numFmtId="0" fontId="13" fillId="0" borderId="10" xfId="0" applyFont="1" applyBorder="1" applyAlignment="1">
      <alignment horizontal="center" vertical="center"/>
    </xf>
    <xf numFmtId="0" fontId="13" fillId="0" borderId="11" xfId="0" applyFont="1" applyBorder="1" applyAlignment="1">
      <alignment horizontal="center" vertical="center"/>
    </xf>
    <xf numFmtId="0" fontId="5" fillId="0" borderId="4" xfId="0" applyFont="1" applyBorder="1" applyAlignment="1">
      <alignment horizontal="right" vertical="center"/>
    </xf>
    <xf numFmtId="0" fontId="5" fillId="0" borderId="3" xfId="0" applyFont="1" applyBorder="1" applyAlignment="1">
      <alignment horizontal="right" vertical="center"/>
    </xf>
    <xf numFmtId="0" fontId="5" fillId="0" borderId="0" xfId="0" applyNumberFormat="1" applyFont="1" applyBorder="1" applyAlignment="1">
      <alignment horizontal="left" vertical="center" shrinkToFit="1"/>
    </xf>
    <xf numFmtId="0" fontId="6" fillId="0" borderId="0" xfId="0" applyFont="1" applyBorder="1" applyAlignment="1">
      <alignment horizontal="left" vertical="center"/>
    </xf>
    <xf numFmtId="0" fontId="6" fillId="0" borderId="18" xfId="0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0" fontId="6" fillId="0" borderId="12" xfId="0" applyFont="1" applyFill="1" applyBorder="1" applyAlignment="1">
      <alignment horizontal="center" vertical="center" wrapText="1"/>
    </xf>
    <xf numFmtId="0" fontId="6" fillId="0" borderId="19" xfId="0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  <xf numFmtId="0" fontId="6" fillId="0" borderId="9" xfId="0" applyFont="1" applyFill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/>
    </xf>
    <xf numFmtId="0" fontId="12" fillId="0" borderId="21" xfId="0" applyFont="1" applyBorder="1" applyAlignment="1">
      <alignment horizontal="left" vertical="center" indent="1"/>
    </xf>
    <xf numFmtId="0" fontId="12" fillId="0" borderId="14" xfId="0" applyFont="1" applyBorder="1" applyAlignment="1">
      <alignment horizontal="left" vertical="center" indent="1"/>
    </xf>
    <xf numFmtId="0" fontId="5" fillId="0" borderId="22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17" xfId="0" applyFont="1" applyBorder="1" applyAlignment="1">
      <alignment horizontal="left" vertical="center" indent="1"/>
    </xf>
    <xf numFmtId="0" fontId="5" fillId="0" borderId="15" xfId="0" applyFont="1" applyBorder="1" applyAlignment="1">
      <alignment horizontal="left" vertical="center" indent="1"/>
    </xf>
    <xf numFmtId="0" fontId="11" fillId="0" borderId="0" xfId="0" applyFont="1" applyBorder="1" applyAlignment="1">
      <alignment horizontal="left" vertical="top" wrapText="1"/>
    </xf>
    <xf numFmtId="0" fontId="11" fillId="0" borderId="5" xfId="0" applyFont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330"/>
  <sheetViews>
    <sheetView tabSelected="1" zoomScaleNormal="100" zoomScaleSheetLayoutView="100" workbookViewId="0">
      <selection activeCell="AM5" sqref="AM5"/>
    </sheetView>
  </sheetViews>
  <sheetFormatPr defaultColWidth="8.75" defaultRowHeight="13.5" x14ac:dyDescent="0.4"/>
  <cols>
    <col min="1" max="33" width="2.875" style="3" customWidth="1"/>
    <col min="34" max="34" width="2.75" style="3" customWidth="1"/>
    <col min="35" max="78" width="2.625" style="3" customWidth="1"/>
    <col min="79" max="16384" width="8.75" style="3"/>
  </cols>
  <sheetData>
    <row r="1" spans="1:49" ht="19.899999999999999" customHeight="1" x14ac:dyDescent="0.4">
      <c r="A1" s="1" t="s">
        <v>19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2" t="s">
        <v>18</v>
      </c>
      <c r="AI1" s="4"/>
      <c r="AJ1" s="4"/>
      <c r="AK1" s="4"/>
      <c r="AL1" s="4"/>
      <c r="AM1" s="4"/>
      <c r="AN1" s="4"/>
      <c r="AO1" s="4"/>
      <c r="AP1" s="4"/>
      <c r="AQ1" s="4"/>
      <c r="AR1" s="4"/>
      <c r="AS1" s="4"/>
      <c r="AT1" s="4"/>
      <c r="AU1" s="4"/>
    </row>
    <row r="2" spans="1:49" ht="23.45" customHeight="1" x14ac:dyDescent="0.4">
      <c r="A2" s="120" t="s">
        <v>68</v>
      </c>
      <c r="B2" s="121"/>
      <c r="C2" s="121"/>
      <c r="D2" s="121"/>
      <c r="E2" s="121"/>
      <c r="F2" s="121"/>
      <c r="G2" s="121"/>
      <c r="H2" s="121"/>
      <c r="I2" s="121"/>
      <c r="J2" s="121"/>
      <c r="K2" s="121"/>
      <c r="L2" s="121"/>
      <c r="M2" s="121"/>
      <c r="N2" s="121"/>
      <c r="O2" s="121"/>
      <c r="P2" s="121"/>
      <c r="Q2" s="121"/>
      <c r="R2" s="121"/>
      <c r="S2" s="121"/>
      <c r="T2" s="121"/>
      <c r="U2" s="121"/>
      <c r="V2" s="121"/>
      <c r="W2" s="121"/>
      <c r="X2" s="121"/>
      <c r="Y2" s="121"/>
      <c r="Z2" s="121"/>
      <c r="AA2" s="121"/>
      <c r="AB2" s="121"/>
      <c r="AC2" s="121"/>
      <c r="AD2" s="121"/>
      <c r="AE2" s="121"/>
      <c r="AF2" s="121"/>
      <c r="AG2" s="122"/>
      <c r="AI2" s="4"/>
      <c r="AJ2" s="4"/>
      <c r="AK2" s="4"/>
      <c r="AL2" s="4"/>
      <c r="AM2" s="4"/>
      <c r="AN2" s="4"/>
      <c r="AO2" s="4"/>
      <c r="AP2" s="4"/>
      <c r="AQ2" s="4"/>
      <c r="AR2" s="4"/>
      <c r="AS2" s="4"/>
      <c r="AT2" s="4"/>
      <c r="AU2" s="4"/>
    </row>
    <row r="3" spans="1:49" s="4" customFormat="1" ht="22.9" customHeight="1" x14ac:dyDescent="0.4">
      <c r="A3" s="126" t="s">
        <v>11</v>
      </c>
      <c r="B3" s="126"/>
      <c r="C3" s="126"/>
      <c r="D3" s="126"/>
      <c r="E3" s="126"/>
      <c r="F3" s="126"/>
      <c r="G3" s="126"/>
      <c r="H3" s="126"/>
      <c r="I3" s="126"/>
      <c r="J3" s="126"/>
      <c r="K3" s="126"/>
      <c r="L3" s="126"/>
      <c r="M3" s="126"/>
      <c r="N3" s="126"/>
      <c r="O3" s="126"/>
      <c r="P3" s="126"/>
      <c r="Q3" s="126"/>
      <c r="R3" s="126"/>
      <c r="S3" s="126"/>
      <c r="T3" s="126"/>
      <c r="U3" s="1"/>
      <c r="V3" s="1"/>
      <c r="W3" s="1"/>
      <c r="X3" s="1"/>
      <c r="Y3" s="1"/>
      <c r="Z3" s="62" t="s">
        <v>23</v>
      </c>
      <c r="AB3" s="90" t="s">
        <v>22</v>
      </c>
      <c r="AC3" s="90"/>
      <c r="AD3" s="91" t="s">
        <v>21</v>
      </c>
      <c r="AE3" s="91"/>
      <c r="AF3" s="63"/>
      <c r="AG3" s="63" t="s">
        <v>20</v>
      </c>
    </row>
    <row r="4" spans="1:49" ht="16.899999999999999" customHeight="1" x14ac:dyDescent="0.15">
      <c r="A4" s="92" t="s">
        <v>0</v>
      </c>
      <c r="B4" s="93"/>
      <c r="C4" s="94"/>
      <c r="D4" s="16"/>
      <c r="E4" s="16"/>
      <c r="F4" s="16"/>
      <c r="G4" s="16"/>
      <c r="H4" s="16"/>
      <c r="I4" s="16"/>
      <c r="J4" s="18"/>
      <c r="K4" s="16"/>
      <c r="L4" s="16"/>
      <c r="M4" s="16"/>
      <c r="N4" s="16"/>
      <c r="O4" s="16"/>
      <c r="P4" s="16"/>
      <c r="Q4" s="17"/>
      <c r="R4" s="117" t="s">
        <v>26</v>
      </c>
      <c r="S4" s="118"/>
      <c r="T4" s="119"/>
      <c r="U4" s="117" t="s">
        <v>25</v>
      </c>
      <c r="V4" s="118"/>
      <c r="W4" s="119"/>
      <c r="X4" s="82" t="s">
        <v>27</v>
      </c>
      <c r="Y4" s="105"/>
      <c r="Z4" s="24" t="s">
        <v>29</v>
      </c>
      <c r="AA4" s="23"/>
      <c r="AB4" s="23"/>
      <c r="AC4" s="23"/>
      <c r="AD4" s="23"/>
      <c r="AE4" s="5"/>
      <c r="AF4" s="5"/>
      <c r="AG4" s="6"/>
    </row>
    <row r="5" spans="1:49" ht="33" customHeight="1" x14ac:dyDescent="0.15">
      <c r="A5" s="86" t="s">
        <v>28</v>
      </c>
      <c r="B5" s="87"/>
      <c r="C5" s="88"/>
      <c r="D5" s="9"/>
      <c r="E5" s="9"/>
      <c r="F5" s="9"/>
      <c r="G5" s="9"/>
      <c r="H5" s="9"/>
      <c r="I5" s="9"/>
      <c r="J5" s="19"/>
      <c r="K5" s="9"/>
      <c r="L5" s="9"/>
      <c r="M5" s="9"/>
      <c r="N5" s="9"/>
      <c r="O5" s="9"/>
      <c r="P5" s="9"/>
      <c r="Q5" s="7"/>
      <c r="R5" s="86" t="s">
        <v>42</v>
      </c>
      <c r="S5" s="87"/>
      <c r="T5" s="108"/>
      <c r="U5" s="106"/>
      <c r="V5" s="114"/>
      <c r="W5" s="8" t="s">
        <v>24</v>
      </c>
      <c r="X5" s="106"/>
      <c r="Y5" s="107"/>
      <c r="Z5" s="9"/>
      <c r="AA5" s="123" t="s">
        <v>22</v>
      </c>
      <c r="AB5" s="123"/>
      <c r="AC5" s="10"/>
      <c r="AD5" s="114" t="s">
        <v>21</v>
      </c>
      <c r="AE5" s="114"/>
      <c r="AF5" s="123" t="s">
        <v>20</v>
      </c>
      <c r="AG5" s="124"/>
      <c r="AH5" s="4"/>
      <c r="AI5" s="4"/>
      <c r="AJ5" s="4"/>
      <c r="AK5" s="4"/>
      <c r="AL5" s="4"/>
      <c r="AM5" s="4"/>
      <c r="AN5" s="4"/>
      <c r="AO5" s="4"/>
    </row>
    <row r="6" spans="1:49" ht="16.899999999999999" customHeight="1" x14ac:dyDescent="0.4">
      <c r="A6" s="80" t="s">
        <v>30</v>
      </c>
      <c r="B6" s="101"/>
      <c r="C6" s="102"/>
      <c r="D6" s="54" t="s">
        <v>31</v>
      </c>
      <c r="E6" s="20"/>
      <c r="F6" s="20"/>
      <c r="G6" s="20"/>
      <c r="H6" s="20" t="s">
        <v>32</v>
      </c>
      <c r="I6" s="20"/>
      <c r="J6" s="20"/>
      <c r="K6" s="20"/>
      <c r="L6" s="20"/>
      <c r="M6" s="20"/>
      <c r="N6" s="21"/>
      <c r="O6" s="21"/>
      <c r="P6" s="21"/>
      <c r="Q6" s="21"/>
      <c r="Z6" s="99" t="s">
        <v>33</v>
      </c>
      <c r="AA6" s="68" t="s">
        <v>87</v>
      </c>
      <c r="AB6" s="68"/>
      <c r="AC6" s="68"/>
      <c r="AD6" s="68"/>
      <c r="AE6" s="68"/>
      <c r="AF6" s="68"/>
      <c r="AG6" s="69"/>
    </row>
    <row r="7" spans="1:49" ht="28.9" customHeight="1" x14ac:dyDescent="0.4">
      <c r="A7" s="103"/>
      <c r="B7" s="103"/>
      <c r="C7" s="104"/>
      <c r="D7" s="47"/>
      <c r="E7" s="47"/>
      <c r="F7" s="47"/>
      <c r="G7" s="47"/>
      <c r="H7" s="47"/>
      <c r="I7" s="47"/>
      <c r="J7" s="47"/>
      <c r="K7" s="47"/>
      <c r="L7" s="47"/>
      <c r="M7" s="47"/>
      <c r="N7" s="47"/>
      <c r="O7" s="47"/>
      <c r="P7" s="47"/>
      <c r="Q7" s="47"/>
      <c r="Z7" s="100"/>
      <c r="AA7" s="70"/>
      <c r="AB7" s="70"/>
      <c r="AC7" s="70"/>
      <c r="AD7" s="70"/>
      <c r="AE7" s="70"/>
      <c r="AF7" s="70"/>
      <c r="AG7" s="71"/>
    </row>
    <row r="8" spans="1:49" ht="16.899999999999999" customHeight="1" x14ac:dyDescent="0.4">
      <c r="A8" s="72" t="s">
        <v>88</v>
      </c>
      <c r="B8" s="73"/>
      <c r="C8" s="74"/>
      <c r="D8" s="55" t="s">
        <v>89</v>
      </c>
      <c r="E8" s="48"/>
      <c r="F8" s="48"/>
      <c r="G8" s="48"/>
      <c r="H8" s="48"/>
      <c r="I8" s="48"/>
      <c r="J8" s="48"/>
      <c r="K8" s="48"/>
      <c r="L8" s="48"/>
      <c r="M8" s="48"/>
      <c r="N8" s="48"/>
      <c r="O8" s="48"/>
      <c r="P8" s="48"/>
      <c r="Q8" s="48"/>
      <c r="R8" s="49"/>
      <c r="S8" s="49"/>
      <c r="T8" s="49"/>
      <c r="U8" s="49"/>
      <c r="V8" s="49"/>
      <c r="W8" s="49"/>
      <c r="X8" s="49"/>
      <c r="Y8" s="49"/>
      <c r="Z8" s="50"/>
      <c r="AA8" s="51"/>
      <c r="AB8" s="51"/>
      <c r="AC8" s="51"/>
      <c r="AD8" s="51"/>
      <c r="AE8" s="51"/>
      <c r="AF8" s="51"/>
      <c r="AG8" s="52"/>
    </row>
    <row r="9" spans="1:49" ht="6" customHeight="1" x14ac:dyDescent="0.15">
      <c r="Y9" s="25"/>
      <c r="Z9" s="25"/>
      <c r="AA9" s="25"/>
      <c r="AB9" s="25"/>
      <c r="AC9" s="25"/>
      <c r="AD9" s="25"/>
      <c r="AE9" s="25"/>
      <c r="AF9" s="25"/>
      <c r="AG9" s="25"/>
    </row>
    <row r="10" spans="1:49" ht="28.9" customHeight="1" x14ac:dyDescent="0.15">
      <c r="A10" s="72" t="s">
        <v>12</v>
      </c>
      <c r="B10" s="73"/>
      <c r="C10" s="74"/>
      <c r="D10" s="49"/>
      <c r="E10" s="53"/>
      <c r="F10" s="53"/>
      <c r="G10" s="53"/>
      <c r="H10" s="53"/>
      <c r="I10" s="53"/>
      <c r="J10" s="53"/>
      <c r="K10" s="53"/>
      <c r="L10" s="53"/>
      <c r="M10" s="53"/>
      <c r="N10" s="53"/>
      <c r="O10" s="53"/>
      <c r="P10" s="53"/>
      <c r="Q10" s="53"/>
      <c r="R10" s="53"/>
      <c r="S10" s="53"/>
      <c r="T10" s="53"/>
      <c r="U10" s="53"/>
      <c r="V10" s="67" t="s">
        <v>93</v>
      </c>
      <c r="W10" s="67"/>
      <c r="X10" s="67"/>
      <c r="Y10" s="53"/>
      <c r="Z10" s="53"/>
      <c r="AA10" s="66" t="s">
        <v>22</v>
      </c>
      <c r="AB10" s="66"/>
      <c r="AC10" s="64"/>
      <c r="AD10" s="67" t="s">
        <v>21</v>
      </c>
      <c r="AE10" s="67"/>
      <c r="AF10" s="64"/>
      <c r="AG10" s="65" t="s">
        <v>20</v>
      </c>
    </row>
    <row r="11" spans="1:49" ht="18.600000000000001" customHeight="1" x14ac:dyDescent="0.4">
      <c r="A11" s="80" t="s">
        <v>35</v>
      </c>
      <c r="B11" s="101"/>
      <c r="C11" s="102"/>
      <c r="D11" s="97" t="s">
        <v>34</v>
      </c>
      <c r="E11" s="97"/>
      <c r="F11" s="97"/>
      <c r="G11" s="97"/>
      <c r="H11" s="97"/>
      <c r="I11" s="97"/>
      <c r="J11" s="97"/>
      <c r="K11" s="97"/>
      <c r="L11" s="97"/>
      <c r="M11" s="97"/>
      <c r="N11" s="97"/>
      <c r="O11" s="97"/>
      <c r="P11" s="97"/>
      <c r="Q11" s="97"/>
      <c r="R11" s="97"/>
      <c r="S11" s="97"/>
      <c r="T11" s="97"/>
      <c r="U11" s="97"/>
      <c r="V11" s="97"/>
      <c r="W11" s="97"/>
      <c r="X11" s="97"/>
      <c r="Y11" s="97"/>
      <c r="Z11" s="97"/>
      <c r="AA11" s="97"/>
      <c r="AB11" s="97"/>
      <c r="AC11" s="97"/>
      <c r="AD11" s="97"/>
      <c r="AE11" s="97"/>
      <c r="AF11" s="97"/>
      <c r="AG11" s="98"/>
      <c r="AW11" s="12"/>
    </row>
    <row r="12" spans="1:49" ht="18.600000000000001" customHeight="1" x14ac:dyDescent="0.4">
      <c r="A12" s="80"/>
      <c r="B12" s="101"/>
      <c r="C12" s="102"/>
      <c r="D12" s="22" t="s">
        <v>78</v>
      </c>
      <c r="E12" s="36"/>
      <c r="F12" s="36"/>
      <c r="G12" s="36"/>
      <c r="H12" s="36"/>
      <c r="I12" s="36"/>
      <c r="J12" s="36"/>
      <c r="K12" s="36"/>
      <c r="L12" s="36"/>
      <c r="M12" s="36"/>
      <c r="N12" s="36"/>
      <c r="O12" s="36"/>
      <c r="P12" s="36"/>
      <c r="Q12" s="36"/>
      <c r="R12" s="36"/>
      <c r="S12" s="36"/>
      <c r="T12" s="36"/>
      <c r="U12" s="36"/>
      <c r="V12" s="36"/>
      <c r="W12" s="36"/>
      <c r="X12" s="36"/>
      <c r="Y12" s="125"/>
      <c r="Z12" s="125"/>
      <c r="AA12" s="125"/>
      <c r="AB12" s="125"/>
      <c r="AC12" s="125"/>
      <c r="AD12" s="125"/>
      <c r="AE12" s="125"/>
      <c r="AF12" s="125"/>
      <c r="AG12" s="35" t="s">
        <v>77</v>
      </c>
    </row>
    <row r="13" spans="1:49" ht="18.600000000000001" customHeight="1" x14ac:dyDescent="0.4">
      <c r="A13" s="101"/>
      <c r="B13" s="101"/>
      <c r="C13" s="102"/>
      <c r="D13" s="95" t="s">
        <v>73</v>
      </c>
      <c r="E13" s="95"/>
      <c r="F13" s="95"/>
      <c r="G13" s="95"/>
      <c r="H13" s="95"/>
      <c r="I13" s="95"/>
      <c r="J13" s="95"/>
      <c r="K13" s="95"/>
      <c r="L13" s="95"/>
      <c r="M13" s="95"/>
      <c r="N13" s="95"/>
      <c r="O13" s="95"/>
      <c r="P13" s="95"/>
      <c r="Q13" s="95"/>
      <c r="R13" s="95"/>
      <c r="S13" s="95"/>
      <c r="T13" s="95"/>
      <c r="U13" s="95"/>
      <c r="V13" s="95"/>
      <c r="W13" s="95"/>
      <c r="X13" s="95"/>
      <c r="Y13" s="95"/>
      <c r="Z13" s="95"/>
      <c r="AA13" s="95"/>
      <c r="AB13" s="95"/>
      <c r="AC13" s="95"/>
      <c r="AD13" s="95"/>
      <c r="AE13" s="95"/>
      <c r="AF13" s="95"/>
      <c r="AG13" s="96"/>
    </row>
    <row r="14" spans="1:49" ht="17.25" customHeight="1" x14ac:dyDescent="0.4">
      <c r="A14" s="80" t="s">
        <v>36</v>
      </c>
      <c r="B14" s="101"/>
      <c r="C14" s="102"/>
      <c r="D14" s="43" t="s">
        <v>38</v>
      </c>
      <c r="E14" s="5"/>
      <c r="F14" s="5"/>
      <c r="G14" s="5"/>
      <c r="H14" s="5"/>
      <c r="I14" s="5"/>
      <c r="J14" s="5"/>
      <c r="K14" s="5"/>
      <c r="L14" s="5"/>
      <c r="M14" s="5" t="s">
        <v>37</v>
      </c>
      <c r="N14" s="5"/>
      <c r="O14" s="5"/>
      <c r="P14" s="5"/>
      <c r="Q14" s="5"/>
      <c r="R14" s="5"/>
      <c r="S14" s="5"/>
      <c r="T14" s="5"/>
      <c r="U14" s="5" t="s">
        <v>40</v>
      </c>
      <c r="V14" s="5"/>
      <c r="W14" s="5"/>
      <c r="X14" s="5"/>
      <c r="Y14" s="5"/>
      <c r="Z14" s="5"/>
      <c r="AA14" s="5"/>
      <c r="AB14" s="5"/>
      <c r="AC14" s="5"/>
      <c r="AD14" s="5"/>
      <c r="AE14" s="5"/>
      <c r="AF14" s="5"/>
      <c r="AG14" s="6"/>
    </row>
    <row r="15" spans="1:49" ht="17.25" customHeight="1" x14ac:dyDescent="0.4">
      <c r="A15" s="101"/>
      <c r="B15" s="101"/>
      <c r="C15" s="102"/>
      <c r="D15" s="46" t="s">
        <v>39</v>
      </c>
      <c r="E15" s="10"/>
      <c r="F15" s="10"/>
      <c r="G15" s="10"/>
      <c r="H15" s="10"/>
      <c r="I15" s="10"/>
      <c r="J15" s="10"/>
      <c r="K15" s="10"/>
      <c r="L15" s="10"/>
      <c r="M15" s="10" t="s">
        <v>69</v>
      </c>
      <c r="N15" s="10"/>
      <c r="O15" s="10"/>
      <c r="P15" s="10"/>
      <c r="Q15" s="10"/>
      <c r="R15" s="10"/>
      <c r="S15" s="10"/>
      <c r="T15" s="10"/>
      <c r="U15" s="10" t="s">
        <v>41</v>
      </c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1"/>
    </row>
    <row r="16" spans="1:49" ht="17.25" customHeight="1" x14ac:dyDescent="0.4">
      <c r="A16" s="78" t="s">
        <v>1</v>
      </c>
      <c r="B16" s="78"/>
      <c r="C16" s="79"/>
      <c r="D16" s="5"/>
      <c r="E16" s="77" t="s">
        <v>2</v>
      </c>
      <c r="F16" s="77"/>
      <c r="G16" s="77"/>
      <c r="H16" s="5"/>
      <c r="I16" s="5" t="s">
        <v>43</v>
      </c>
      <c r="J16" s="5"/>
      <c r="K16" s="5"/>
      <c r="L16" s="5"/>
      <c r="M16" s="5"/>
      <c r="N16" s="5"/>
      <c r="O16" s="5"/>
      <c r="P16" s="5"/>
      <c r="Q16" s="5"/>
      <c r="R16" s="5"/>
      <c r="S16" s="77" t="s">
        <v>4</v>
      </c>
      <c r="T16" s="77"/>
      <c r="U16" s="77"/>
      <c r="V16" s="77"/>
      <c r="W16" s="77"/>
      <c r="X16" s="5"/>
      <c r="Y16" s="5" t="s">
        <v>43</v>
      </c>
      <c r="Z16" s="5"/>
      <c r="AA16" s="5"/>
      <c r="AB16" s="5"/>
      <c r="AC16" s="5"/>
      <c r="AD16" s="5"/>
      <c r="AE16" s="5"/>
      <c r="AF16" s="5"/>
      <c r="AG16" s="6"/>
    </row>
    <row r="17" spans="1:59" ht="17.25" customHeight="1" x14ac:dyDescent="0.4">
      <c r="A17" s="78"/>
      <c r="B17" s="78"/>
      <c r="C17" s="79"/>
      <c r="D17" s="89" t="s">
        <v>3</v>
      </c>
      <c r="E17" s="89"/>
      <c r="F17" s="89"/>
      <c r="G17" s="89"/>
      <c r="H17" s="89"/>
      <c r="I17" s="10" t="s">
        <v>45</v>
      </c>
      <c r="J17" s="10"/>
      <c r="K17" s="10"/>
      <c r="L17" s="10"/>
      <c r="M17" s="10"/>
      <c r="N17" s="10"/>
      <c r="O17" s="10"/>
      <c r="P17" s="10"/>
      <c r="Q17" s="10"/>
      <c r="R17" s="10"/>
      <c r="S17" s="89" t="s">
        <v>3</v>
      </c>
      <c r="T17" s="89"/>
      <c r="U17" s="89"/>
      <c r="V17" s="89"/>
      <c r="W17" s="89"/>
      <c r="X17" s="10"/>
      <c r="Y17" s="10" t="s">
        <v>45</v>
      </c>
      <c r="Z17" s="10"/>
      <c r="AA17" s="10"/>
      <c r="AB17" s="10"/>
      <c r="AC17" s="10"/>
      <c r="AD17" s="10"/>
      <c r="AE17" s="10"/>
      <c r="AF17" s="10"/>
      <c r="AG17" s="11"/>
    </row>
    <row r="18" spans="1:59" ht="17.25" customHeight="1" x14ac:dyDescent="0.4">
      <c r="A18" s="80" t="s">
        <v>44</v>
      </c>
      <c r="B18" s="101"/>
      <c r="C18" s="102"/>
      <c r="D18" s="5"/>
      <c r="E18" s="77" t="s">
        <v>2</v>
      </c>
      <c r="F18" s="77"/>
      <c r="G18" s="77"/>
      <c r="H18" s="5"/>
      <c r="I18" s="5" t="s">
        <v>43</v>
      </c>
      <c r="J18" s="5"/>
      <c r="K18" s="5"/>
      <c r="L18" s="5"/>
      <c r="M18" s="5"/>
      <c r="N18" s="5"/>
      <c r="O18" s="5"/>
      <c r="P18" s="5"/>
      <c r="Q18" s="5"/>
      <c r="R18" s="5"/>
      <c r="S18" s="77" t="s">
        <v>4</v>
      </c>
      <c r="T18" s="77"/>
      <c r="U18" s="77"/>
      <c r="V18" s="77"/>
      <c r="W18" s="77"/>
      <c r="X18" s="5"/>
      <c r="Y18" s="5" t="s">
        <v>43</v>
      </c>
      <c r="Z18" s="5"/>
      <c r="AA18" s="5"/>
      <c r="AB18" s="5"/>
      <c r="AC18" s="5"/>
      <c r="AD18" s="5"/>
      <c r="AE18" s="5"/>
      <c r="AF18" s="5"/>
      <c r="AG18" s="6"/>
    </row>
    <row r="19" spans="1:59" ht="17.25" customHeight="1" x14ac:dyDescent="0.4">
      <c r="A19" s="101"/>
      <c r="B19" s="101"/>
      <c r="C19" s="102"/>
      <c r="D19" s="89"/>
      <c r="E19" s="89"/>
      <c r="F19" s="89"/>
      <c r="G19" s="89"/>
      <c r="H19" s="89"/>
      <c r="I19" s="10" t="s">
        <v>45</v>
      </c>
      <c r="J19" s="10"/>
      <c r="K19" s="10"/>
      <c r="L19" s="10"/>
      <c r="M19" s="10"/>
      <c r="N19" s="10"/>
      <c r="O19" s="10"/>
      <c r="P19" s="10"/>
      <c r="Q19" s="10"/>
      <c r="R19" s="10"/>
      <c r="S19" s="89" t="s">
        <v>3</v>
      </c>
      <c r="T19" s="89"/>
      <c r="U19" s="89"/>
      <c r="V19" s="89"/>
      <c r="W19" s="89"/>
      <c r="X19" s="10"/>
      <c r="Y19" s="10" t="s">
        <v>45</v>
      </c>
      <c r="Z19" s="10"/>
      <c r="AA19" s="10"/>
      <c r="AB19" s="10"/>
      <c r="AC19" s="10"/>
      <c r="AD19" s="10"/>
      <c r="AE19" s="10"/>
      <c r="AF19" s="10"/>
      <c r="AG19" s="11"/>
    </row>
    <row r="20" spans="1:59" ht="17.25" customHeight="1" x14ac:dyDescent="0.4">
      <c r="A20" s="109" t="s">
        <v>46</v>
      </c>
      <c r="B20" s="109"/>
      <c r="C20" s="110"/>
      <c r="D20" s="5"/>
      <c r="E20" s="77" t="s">
        <v>2</v>
      </c>
      <c r="F20" s="77"/>
      <c r="G20" s="77"/>
      <c r="H20" s="5"/>
      <c r="I20" s="5" t="s">
        <v>43</v>
      </c>
      <c r="J20" s="5"/>
      <c r="K20" s="5"/>
      <c r="L20" s="5"/>
      <c r="M20" s="5"/>
      <c r="N20" s="5"/>
      <c r="O20" s="5"/>
      <c r="P20" s="5"/>
      <c r="Q20" s="5"/>
      <c r="R20" s="5"/>
      <c r="S20" s="77" t="s">
        <v>4</v>
      </c>
      <c r="T20" s="77"/>
      <c r="U20" s="77"/>
      <c r="V20" s="77"/>
      <c r="W20" s="77"/>
      <c r="X20" s="5"/>
      <c r="Y20" s="5" t="s">
        <v>43</v>
      </c>
      <c r="Z20" s="5"/>
      <c r="AA20" s="5"/>
      <c r="AB20" s="5"/>
      <c r="AC20" s="5"/>
      <c r="AD20" s="5"/>
      <c r="AE20" s="5"/>
      <c r="AF20" s="5"/>
      <c r="AG20" s="6"/>
    </row>
    <row r="21" spans="1:59" ht="17.25" customHeight="1" x14ac:dyDescent="0.4">
      <c r="A21" s="109"/>
      <c r="B21" s="109"/>
      <c r="C21" s="110"/>
      <c r="D21" s="89"/>
      <c r="E21" s="89"/>
      <c r="F21" s="89"/>
      <c r="G21" s="89"/>
      <c r="H21" s="89"/>
      <c r="I21" s="10" t="s">
        <v>45</v>
      </c>
      <c r="J21" s="10"/>
      <c r="K21" s="10"/>
      <c r="L21" s="10"/>
      <c r="M21" s="10"/>
      <c r="N21" s="10"/>
      <c r="O21" s="10"/>
      <c r="P21" s="10"/>
      <c r="Q21" s="10"/>
      <c r="R21" s="10"/>
      <c r="S21" s="89"/>
      <c r="T21" s="89"/>
      <c r="U21" s="89"/>
      <c r="V21" s="89"/>
      <c r="W21" s="89"/>
      <c r="X21" s="10"/>
      <c r="Y21" s="10" t="s">
        <v>45</v>
      </c>
      <c r="Z21" s="10"/>
      <c r="AA21" s="10"/>
      <c r="AB21" s="10"/>
      <c r="AC21" s="10"/>
      <c r="AD21" s="10"/>
      <c r="AE21" s="10"/>
      <c r="AF21" s="10"/>
      <c r="AG21" s="11"/>
    </row>
    <row r="22" spans="1:59" ht="17.25" customHeight="1" x14ac:dyDescent="0.4">
      <c r="A22" s="101" t="s">
        <v>5</v>
      </c>
      <c r="B22" s="101"/>
      <c r="C22" s="102"/>
      <c r="D22" s="43" t="s">
        <v>6</v>
      </c>
      <c r="E22" s="28"/>
      <c r="F22" s="28"/>
      <c r="G22" s="28"/>
      <c r="H22" s="28"/>
      <c r="I22" s="5"/>
      <c r="J22" s="5"/>
      <c r="K22" s="5"/>
      <c r="L22" s="5"/>
      <c r="M22" s="5"/>
      <c r="N22" s="5"/>
      <c r="O22" s="5"/>
      <c r="P22" s="5"/>
      <c r="Q22" s="5"/>
      <c r="R22" s="5"/>
      <c r="S22" s="28"/>
      <c r="T22" s="28"/>
      <c r="U22" s="28"/>
      <c r="V22" s="28"/>
      <c r="W22" s="28"/>
      <c r="X22" s="5"/>
      <c r="Y22" s="5"/>
      <c r="Z22" s="5"/>
      <c r="AA22" s="5"/>
      <c r="AB22" s="5"/>
      <c r="AC22" s="5"/>
      <c r="AD22" s="5"/>
      <c r="AE22" s="5"/>
      <c r="AF22" s="5"/>
      <c r="AG22" s="6"/>
    </row>
    <row r="23" spans="1:59" ht="17.25" customHeight="1" x14ac:dyDescent="0.4">
      <c r="A23" s="101"/>
      <c r="B23" s="101"/>
      <c r="C23" s="102"/>
      <c r="D23" s="44"/>
      <c r="E23" s="30" t="s">
        <v>47</v>
      </c>
      <c r="F23" s="31"/>
      <c r="G23" s="31"/>
      <c r="H23" s="31"/>
      <c r="I23" s="10"/>
      <c r="J23" s="10"/>
      <c r="K23" s="10"/>
      <c r="L23" s="10"/>
      <c r="M23" s="10"/>
      <c r="N23" s="10"/>
      <c r="O23" s="10"/>
      <c r="P23" s="10"/>
      <c r="Q23" s="10" t="s">
        <v>90</v>
      </c>
      <c r="R23" s="10"/>
      <c r="S23" s="31"/>
      <c r="T23" s="31"/>
      <c r="U23" s="31"/>
      <c r="V23" s="31"/>
      <c r="W23" s="31"/>
      <c r="X23" s="10"/>
      <c r="Y23" s="10"/>
      <c r="Z23" s="10"/>
      <c r="AA23" s="10"/>
      <c r="AB23" s="10"/>
      <c r="AC23" s="10"/>
      <c r="AD23" s="10"/>
      <c r="AE23" s="10"/>
      <c r="AF23" s="45" t="s">
        <v>91</v>
      </c>
      <c r="AG23" s="11"/>
    </row>
    <row r="24" spans="1:59" ht="17.25" customHeight="1" x14ac:dyDescent="0.4">
      <c r="A24" s="80" t="s">
        <v>49</v>
      </c>
      <c r="B24" s="80"/>
      <c r="C24" s="81"/>
      <c r="D24" s="14" t="s">
        <v>48</v>
      </c>
      <c r="E24" s="22"/>
      <c r="F24" s="27"/>
      <c r="G24" s="27"/>
      <c r="H24" s="27"/>
      <c r="I24" s="12"/>
      <c r="J24" s="12"/>
      <c r="K24" s="12"/>
      <c r="L24" s="12"/>
      <c r="M24" s="12"/>
      <c r="N24" s="12"/>
      <c r="O24" s="14" t="s">
        <v>51</v>
      </c>
      <c r="P24" s="12"/>
      <c r="Q24" s="12"/>
      <c r="S24" s="59"/>
      <c r="T24" s="12" t="s">
        <v>7</v>
      </c>
      <c r="U24" s="27"/>
      <c r="V24" s="27"/>
      <c r="W24" s="145" t="s">
        <v>10</v>
      </c>
      <c r="X24" s="145"/>
      <c r="Y24" s="145"/>
      <c r="Z24" s="145"/>
      <c r="AA24" s="145"/>
      <c r="AB24" s="145"/>
      <c r="AC24" s="145"/>
      <c r="AD24" s="145"/>
      <c r="AE24" s="145"/>
      <c r="AF24" s="145"/>
      <c r="AG24" s="146"/>
    </row>
    <row r="25" spans="1:59" ht="17.25" customHeight="1" x14ac:dyDescent="0.4">
      <c r="A25" s="80"/>
      <c r="B25" s="80"/>
      <c r="C25" s="81"/>
      <c r="D25" s="14" t="s">
        <v>56</v>
      </c>
      <c r="E25" s="22"/>
      <c r="F25" s="27"/>
      <c r="G25" s="27"/>
      <c r="H25" s="27"/>
      <c r="I25" s="12"/>
      <c r="J25" s="12"/>
      <c r="K25" s="12"/>
      <c r="L25" s="12"/>
      <c r="M25" s="12"/>
      <c r="N25" s="12"/>
      <c r="O25" s="12"/>
      <c r="P25" s="12"/>
      <c r="Q25" s="12"/>
      <c r="R25" s="12"/>
      <c r="S25" s="60"/>
      <c r="T25" s="27"/>
      <c r="U25" s="27"/>
      <c r="V25" s="27"/>
      <c r="W25" s="145"/>
      <c r="X25" s="145"/>
      <c r="Y25" s="145"/>
      <c r="Z25" s="145"/>
      <c r="AA25" s="145"/>
      <c r="AB25" s="145"/>
      <c r="AC25" s="145"/>
      <c r="AD25" s="145"/>
      <c r="AE25" s="145"/>
      <c r="AF25" s="145"/>
      <c r="AG25" s="146"/>
    </row>
    <row r="26" spans="1:59" ht="17.25" customHeight="1" x14ac:dyDescent="0.4">
      <c r="A26" s="80"/>
      <c r="B26" s="80"/>
      <c r="C26" s="81"/>
      <c r="D26" s="27"/>
      <c r="E26" s="22"/>
      <c r="F26" s="27"/>
      <c r="G26" s="27"/>
      <c r="H26" s="27"/>
      <c r="I26" s="12"/>
      <c r="J26" s="12"/>
      <c r="K26" s="12"/>
      <c r="L26" s="12"/>
      <c r="M26" s="12"/>
      <c r="N26" s="12"/>
      <c r="O26" s="12"/>
      <c r="P26" s="12"/>
      <c r="Q26" s="12"/>
      <c r="R26" s="12"/>
      <c r="S26" s="60"/>
      <c r="T26" s="27"/>
      <c r="U26" s="27"/>
      <c r="V26" s="27"/>
      <c r="W26" s="27"/>
      <c r="X26" s="12"/>
      <c r="Y26" s="12"/>
      <c r="Z26" s="12"/>
      <c r="AA26" s="12"/>
      <c r="AB26" s="12"/>
      <c r="AC26" s="12"/>
      <c r="AD26" s="12"/>
      <c r="AE26" s="12"/>
      <c r="AF26" s="12"/>
      <c r="AG26" s="13"/>
    </row>
    <row r="27" spans="1:59" ht="17.25" customHeight="1" x14ac:dyDescent="0.4">
      <c r="A27" s="80"/>
      <c r="B27" s="80"/>
      <c r="C27" s="81"/>
      <c r="D27" s="14" t="s">
        <v>50</v>
      </c>
      <c r="E27" s="22"/>
      <c r="F27" s="27"/>
      <c r="G27" s="27"/>
      <c r="H27" s="27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60"/>
      <c r="T27" s="27"/>
      <c r="U27" s="27"/>
      <c r="V27" s="27"/>
      <c r="W27" s="27"/>
      <c r="X27" s="12"/>
      <c r="Y27" s="12"/>
      <c r="Z27" s="12"/>
      <c r="AA27" s="12"/>
      <c r="AB27" s="12"/>
      <c r="AC27" s="12"/>
      <c r="AD27" s="12"/>
      <c r="AE27" s="12"/>
      <c r="AF27" s="12"/>
      <c r="AG27" s="13"/>
    </row>
    <row r="28" spans="1:59" ht="17.25" customHeight="1" x14ac:dyDescent="0.4">
      <c r="A28" s="80"/>
      <c r="B28" s="80"/>
      <c r="C28" s="81"/>
      <c r="D28" s="27"/>
      <c r="E28" s="10" t="s">
        <v>66</v>
      </c>
      <c r="F28" s="27"/>
      <c r="G28" s="27"/>
      <c r="H28" s="27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61"/>
      <c r="T28" s="44"/>
      <c r="U28" s="26"/>
      <c r="V28" s="26"/>
      <c r="W28" s="26"/>
      <c r="X28" s="10"/>
      <c r="Y28" s="10"/>
      <c r="Z28" s="10"/>
      <c r="AA28" s="10"/>
      <c r="AB28" s="10"/>
      <c r="AC28" s="10"/>
      <c r="AD28" s="10"/>
      <c r="AE28" s="10"/>
      <c r="AF28" s="10"/>
      <c r="AG28" s="11"/>
    </row>
    <row r="29" spans="1:59" ht="17.25" customHeight="1" x14ac:dyDescent="0.4">
      <c r="A29" s="78" t="s">
        <v>8</v>
      </c>
      <c r="B29" s="78"/>
      <c r="C29" s="79"/>
      <c r="D29" s="77"/>
      <c r="E29" s="77"/>
      <c r="F29" s="77"/>
      <c r="G29" s="77"/>
      <c r="H29" s="77"/>
      <c r="I29" s="77"/>
      <c r="J29" s="77"/>
      <c r="K29" s="77"/>
      <c r="L29" s="77"/>
      <c r="M29" s="77"/>
      <c r="N29" s="77"/>
      <c r="O29" s="77"/>
      <c r="P29" s="77"/>
      <c r="Q29" s="77"/>
      <c r="R29" s="77"/>
      <c r="S29" s="77"/>
      <c r="T29" s="77"/>
      <c r="U29" s="77"/>
      <c r="V29" s="77"/>
      <c r="W29" s="77"/>
      <c r="X29" s="77"/>
      <c r="Y29" s="77"/>
      <c r="Z29" s="77"/>
      <c r="AA29" s="77"/>
      <c r="AB29" s="77"/>
      <c r="AC29" s="77"/>
      <c r="AD29" s="77"/>
      <c r="AE29" s="77"/>
      <c r="AF29" s="77"/>
      <c r="AG29" s="111"/>
    </row>
    <row r="30" spans="1:59" ht="6" customHeight="1" x14ac:dyDescent="0.4">
      <c r="A30" s="78"/>
      <c r="B30" s="78"/>
      <c r="C30" s="79"/>
      <c r="D30" s="112"/>
      <c r="E30" s="112"/>
      <c r="F30" s="112"/>
      <c r="G30" s="112"/>
      <c r="H30" s="112"/>
      <c r="I30" s="112"/>
      <c r="J30" s="112"/>
      <c r="K30" s="112"/>
      <c r="L30" s="112"/>
      <c r="M30" s="112"/>
      <c r="N30" s="112"/>
      <c r="O30" s="112"/>
      <c r="P30" s="112"/>
      <c r="Q30" s="112"/>
      <c r="R30" s="112"/>
      <c r="S30" s="112"/>
      <c r="T30" s="112"/>
      <c r="U30" s="112"/>
      <c r="V30" s="112"/>
      <c r="W30" s="112"/>
      <c r="X30" s="112"/>
      <c r="Y30" s="112"/>
      <c r="Z30" s="112"/>
      <c r="AA30" s="112"/>
      <c r="AB30" s="112"/>
      <c r="AC30" s="112"/>
      <c r="AD30" s="112"/>
      <c r="AE30" s="112"/>
      <c r="AF30" s="112"/>
      <c r="AG30" s="113"/>
    </row>
    <row r="31" spans="1:59" ht="17.25" customHeight="1" x14ac:dyDescent="0.4">
      <c r="A31" s="78"/>
      <c r="B31" s="78"/>
      <c r="C31" s="79"/>
      <c r="D31" s="114"/>
      <c r="E31" s="114"/>
      <c r="F31" s="114"/>
      <c r="G31" s="114"/>
      <c r="H31" s="114"/>
      <c r="I31" s="114"/>
      <c r="J31" s="114"/>
      <c r="K31" s="114"/>
      <c r="L31" s="114"/>
      <c r="M31" s="114"/>
      <c r="N31" s="114"/>
      <c r="O31" s="114"/>
      <c r="P31" s="114"/>
      <c r="Q31" s="114"/>
      <c r="R31" s="114"/>
      <c r="S31" s="114"/>
      <c r="T31" s="114"/>
      <c r="U31" s="114"/>
      <c r="V31" s="114"/>
      <c r="W31" s="114"/>
      <c r="X31" s="114"/>
      <c r="Y31" s="114"/>
      <c r="Z31" s="114"/>
      <c r="AA31" s="114"/>
      <c r="AB31" s="114"/>
      <c r="AC31" s="114"/>
      <c r="AD31" s="114"/>
      <c r="AE31" s="114"/>
      <c r="AF31" s="114"/>
      <c r="AG31" s="115"/>
      <c r="AY31" s="12"/>
      <c r="AZ31" s="12"/>
      <c r="BA31" s="12"/>
      <c r="BB31" s="12"/>
      <c r="BC31" s="12"/>
      <c r="BD31" s="12"/>
      <c r="BE31" s="12"/>
      <c r="BF31" s="12"/>
      <c r="BG31" s="12"/>
    </row>
    <row r="32" spans="1:59" ht="30" customHeight="1" x14ac:dyDescent="0.4">
      <c r="A32" s="82" t="s">
        <v>55</v>
      </c>
      <c r="B32" s="68"/>
      <c r="C32" s="83"/>
      <c r="D32" s="135" t="s">
        <v>17</v>
      </c>
      <c r="E32" s="136"/>
      <c r="F32" s="136"/>
      <c r="G32" s="136"/>
      <c r="H32" s="136"/>
      <c r="I32" s="136"/>
      <c r="J32" s="136"/>
      <c r="K32" s="136"/>
      <c r="L32" s="136"/>
      <c r="M32" s="136"/>
      <c r="N32" s="136"/>
      <c r="O32" s="134" t="s">
        <v>14</v>
      </c>
      <c r="P32" s="134"/>
      <c r="Q32" s="134"/>
      <c r="R32" s="134"/>
      <c r="S32" s="134"/>
      <c r="T32" s="134" t="s">
        <v>15</v>
      </c>
      <c r="U32" s="134"/>
      <c r="V32" s="134"/>
      <c r="W32" s="134"/>
      <c r="X32" s="134"/>
      <c r="Y32" s="134" t="s">
        <v>16</v>
      </c>
      <c r="Z32" s="134"/>
      <c r="AA32" s="134"/>
      <c r="AB32" s="134"/>
      <c r="AC32" s="134"/>
      <c r="AD32" s="136" t="s">
        <v>52</v>
      </c>
      <c r="AE32" s="136"/>
      <c r="AF32" s="136"/>
      <c r="AG32" s="137"/>
      <c r="AY32" s="12"/>
      <c r="AZ32" s="12"/>
      <c r="BA32" s="12"/>
      <c r="BB32" s="12"/>
      <c r="BC32" s="12"/>
      <c r="BD32" s="12"/>
      <c r="BE32" s="12"/>
      <c r="BF32" s="12"/>
      <c r="BG32" s="12"/>
    </row>
    <row r="33" spans="1:59" ht="17.25" customHeight="1" x14ac:dyDescent="0.4">
      <c r="A33" s="84"/>
      <c r="B33" s="70"/>
      <c r="C33" s="85"/>
      <c r="D33" s="143" t="s">
        <v>92</v>
      </c>
      <c r="E33" s="144"/>
      <c r="F33" s="144"/>
      <c r="G33" s="144"/>
      <c r="H33" s="144"/>
      <c r="I33" s="144"/>
      <c r="J33" s="144"/>
      <c r="K33" s="144"/>
      <c r="L33" s="144"/>
      <c r="M33" s="144"/>
      <c r="N33" s="144"/>
      <c r="O33" s="133" t="s">
        <v>62</v>
      </c>
      <c r="P33" s="133"/>
      <c r="Q33" s="133"/>
      <c r="R33" s="133"/>
      <c r="S33" s="133"/>
      <c r="T33" s="133" t="s">
        <v>60</v>
      </c>
      <c r="U33" s="133"/>
      <c r="V33" s="133"/>
      <c r="W33" s="133"/>
      <c r="X33" s="133"/>
      <c r="Y33" s="133" t="s">
        <v>58</v>
      </c>
      <c r="Z33" s="133"/>
      <c r="AA33" s="133"/>
      <c r="AB33" s="133"/>
      <c r="AC33" s="133"/>
      <c r="AD33" s="133" t="s">
        <v>57</v>
      </c>
      <c r="AE33" s="133"/>
      <c r="AF33" s="133"/>
      <c r="AG33" s="141"/>
      <c r="AY33" s="12"/>
      <c r="AZ33" s="12"/>
      <c r="BA33" s="12"/>
      <c r="BB33" s="12"/>
      <c r="BC33" s="12"/>
      <c r="BD33" s="12"/>
      <c r="BE33" s="12"/>
      <c r="BF33" s="12"/>
      <c r="BG33" s="12"/>
    </row>
    <row r="34" spans="1:59" ht="17.25" customHeight="1" x14ac:dyDescent="0.4">
      <c r="A34" s="84"/>
      <c r="B34" s="70"/>
      <c r="C34" s="85"/>
      <c r="D34" s="139" t="s">
        <v>13</v>
      </c>
      <c r="E34" s="140"/>
      <c r="F34" s="140"/>
      <c r="G34" s="140"/>
      <c r="H34" s="140"/>
      <c r="I34" s="140"/>
      <c r="J34" s="140"/>
      <c r="K34" s="140"/>
      <c r="L34" s="140"/>
      <c r="M34" s="140"/>
      <c r="N34" s="140"/>
      <c r="O34" s="138" t="s">
        <v>63</v>
      </c>
      <c r="P34" s="138"/>
      <c r="Q34" s="138"/>
      <c r="R34" s="138"/>
      <c r="S34" s="138"/>
      <c r="T34" s="138" t="s">
        <v>61</v>
      </c>
      <c r="U34" s="138"/>
      <c r="V34" s="138"/>
      <c r="W34" s="138"/>
      <c r="X34" s="138"/>
      <c r="Y34" s="138" t="s">
        <v>59</v>
      </c>
      <c r="Z34" s="138"/>
      <c r="AA34" s="138"/>
      <c r="AB34" s="138"/>
      <c r="AC34" s="138"/>
      <c r="AD34" s="138"/>
      <c r="AE34" s="138"/>
      <c r="AF34" s="138"/>
      <c r="AG34" s="142"/>
      <c r="AY34" s="12"/>
      <c r="AZ34" s="12"/>
      <c r="BA34" s="12"/>
      <c r="BB34" s="12"/>
      <c r="BC34" s="12"/>
      <c r="BD34" s="12"/>
      <c r="BE34" s="12"/>
      <c r="BF34" s="12"/>
      <c r="BG34" s="12"/>
    </row>
    <row r="35" spans="1:59" ht="27.75" customHeight="1" x14ac:dyDescent="0.4">
      <c r="A35" s="86"/>
      <c r="B35" s="87"/>
      <c r="C35" s="88"/>
      <c r="D35" s="97" t="s">
        <v>53</v>
      </c>
      <c r="E35" s="97"/>
      <c r="F35" s="97"/>
      <c r="G35" s="97"/>
      <c r="H35" s="97"/>
      <c r="I35" s="97"/>
      <c r="J35" s="97"/>
      <c r="K35" s="97"/>
      <c r="L35" s="97"/>
      <c r="M35" s="97"/>
      <c r="N35" s="97"/>
      <c r="O35" s="97"/>
      <c r="P35" s="97"/>
      <c r="Q35" s="97"/>
      <c r="R35" s="97"/>
      <c r="S35" s="97"/>
      <c r="T35" s="97"/>
      <c r="U35" s="97"/>
      <c r="V35" s="97"/>
      <c r="W35" s="97"/>
      <c r="X35" s="97"/>
      <c r="Y35" s="97"/>
      <c r="Z35" s="97"/>
      <c r="AA35" s="97"/>
      <c r="AB35" s="97"/>
      <c r="AC35" s="97"/>
      <c r="AD35" s="97"/>
      <c r="AE35" s="97"/>
      <c r="AF35" s="97"/>
      <c r="AG35" s="98"/>
      <c r="AY35" s="12"/>
      <c r="AZ35" s="12"/>
      <c r="BA35" s="12"/>
      <c r="BB35" s="12"/>
      <c r="BC35" s="12"/>
      <c r="BD35" s="12"/>
      <c r="BE35" s="12"/>
      <c r="BF35" s="12"/>
      <c r="BG35" s="12"/>
    </row>
    <row r="36" spans="1:59" ht="17.25" customHeight="1" x14ac:dyDescent="0.4">
      <c r="A36" s="80" t="s">
        <v>54</v>
      </c>
      <c r="B36" s="80"/>
      <c r="C36" s="81"/>
      <c r="D36" s="76" t="s">
        <v>72</v>
      </c>
      <c r="E36" s="76"/>
      <c r="F36" s="76"/>
      <c r="G36" s="76"/>
      <c r="H36" s="76"/>
      <c r="I36" s="76"/>
      <c r="J36" s="76"/>
      <c r="K36" s="76"/>
      <c r="L36" s="5"/>
      <c r="M36" s="77" t="s">
        <v>71</v>
      </c>
      <c r="N36" s="77"/>
      <c r="O36" s="77"/>
      <c r="P36" s="77"/>
      <c r="Q36" s="77"/>
      <c r="R36" s="77"/>
      <c r="S36" s="77"/>
      <c r="T36" s="5"/>
      <c r="U36" s="5"/>
      <c r="V36" s="5"/>
      <c r="W36" s="5"/>
      <c r="X36" s="5"/>
      <c r="Y36" s="5"/>
      <c r="Z36" s="5"/>
      <c r="AA36" s="5"/>
      <c r="AB36" s="5"/>
      <c r="AC36" s="5"/>
      <c r="AD36" s="5"/>
      <c r="AE36" s="5"/>
      <c r="AF36" s="5"/>
      <c r="AG36" s="6"/>
    </row>
    <row r="37" spans="1:59" ht="17.25" customHeight="1" x14ac:dyDescent="0.4">
      <c r="A37" s="80"/>
      <c r="B37" s="80"/>
      <c r="C37" s="81"/>
      <c r="D37" s="56" t="s">
        <v>81</v>
      </c>
      <c r="E37" s="39"/>
      <c r="F37" s="39"/>
      <c r="G37" s="39"/>
      <c r="H37" s="39"/>
      <c r="I37" s="39"/>
      <c r="J37" s="39"/>
      <c r="K37" s="39"/>
      <c r="L37" s="39"/>
      <c r="M37" s="40"/>
      <c r="N37" s="39"/>
      <c r="O37" s="39"/>
      <c r="P37" s="39"/>
      <c r="Q37" s="39"/>
      <c r="R37" s="39"/>
      <c r="S37" s="39"/>
      <c r="T37" s="39"/>
      <c r="U37" s="39" t="s">
        <v>80</v>
      </c>
      <c r="V37" s="41"/>
      <c r="W37" s="39"/>
      <c r="X37" s="39"/>
      <c r="Y37" s="39"/>
      <c r="Z37" s="39"/>
      <c r="AA37" s="39"/>
      <c r="AB37" s="39" t="s">
        <v>79</v>
      </c>
      <c r="AC37" s="39"/>
      <c r="AD37" s="39"/>
      <c r="AE37" s="39"/>
      <c r="AF37" s="40"/>
      <c r="AG37" s="42"/>
    </row>
    <row r="38" spans="1:59" ht="17.25" customHeight="1" x14ac:dyDescent="0.4">
      <c r="A38" s="82" t="s">
        <v>74</v>
      </c>
      <c r="B38" s="68"/>
      <c r="C38" s="83"/>
      <c r="D38" s="75" t="s">
        <v>70</v>
      </c>
      <c r="E38" s="75"/>
      <c r="F38" s="75"/>
      <c r="G38" s="75"/>
      <c r="H38" s="75"/>
      <c r="I38" s="33"/>
      <c r="J38" s="32"/>
      <c r="K38" s="32"/>
      <c r="L38" s="127" t="s">
        <v>86</v>
      </c>
      <c r="M38" s="128"/>
      <c r="N38" s="128"/>
      <c r="O38" s="128"/>
      <c r="P38" s="128"/>
      <c r="Q38" s="128"/>
      <c r="R38" s="129"/>
      <c r="S38" s="37" t="s">
        <v>83</v>
      </c>
      <c r="T38" s="34"/>
      <c r="U38" s="34"/>
      <c r="V38" s="34"/>
      <c r="W38" s="34"/>
      <c r="X38" s="34"/>
      <c r="Y38" s="34"/>
      <c r="Z38" s="34"/>
      <c r="AA38" s="34"/>
      <c r="AB38" s="34"/>
      <c r="AC38" s="34"/>
      <c r="AD38" s="34"/>
      <c r="AE38" s="34"/>
      <c r="AF38" s="5"/>
      <c r="AG38" s="6" t="s">
        <v>82</v>
      </c>
    </row>
    <row r="39" spans="1:59" ht="17.25" customHeight="1" x14ac:dyDescent="0.4">
      <c r="A39" s="86"/>
      <c r="B39" s="87"/>
      <c r="C39" s="88"/>
      <c r="D39" s="116" t="s">
        <v>75</v>
      </c>
      <c r="E39" s="116"/>
      <c r="F39" s="116"/>
      <c r="G39" s="116"/>
      <c r="H39" s="116"/>
      <c r="I39" s="32"/>
      <c r="J39" s="32"/>
      <c r="K39" s="32"/>
      <c r="L39" s="130"/>
      <c r="M39" s="131"/>
      <c r="N39" s="131"/>
      <c r="O39" s="131"/>
      <c r="P39" s="131"/>
      <c r="Q39" s="131"/>
      <c r="R39" s="132"/>
      <c r="S39" s="38" t="s">
        <v>76</v>
      </c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10"/>
      <c r="AG39" s="11"/>
    </row>
    <row r="40" spans="1:59" ht="17.25" customHeight="1" x14ac:dyDescent="0.4">
      <c r="A40" s="82" t="s">
        <v>9</v>
      </c>
      <c r="B40" s="68"/>
      <c r="C40" s="83"/>
      <c r="D40" s="57" t="s">
        <v>64</v>
      </c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  <c r="U40" s="5"/>
      <c r="V40" s="5"/>
      <c r="W40" s="5" t="s">
        <v>65</v>
      </c>
      <c r="X40" s="5"/>
      <c r="Y40" s="5"/>
      <c r="Z40" s="5"/>
      <c r="AA40" s="5"/>
      <c r="AB40" s="5"/>
      <c r="AC40" s="5"/>
      <c r="AD40" s="5"/>
      <c r="AE40" s="5"/>
      <c r="AF40" s="5"/>
      <c r="AG40" s="6"/>
    </row>
    <row r="41" spans="1:59" ht="17.25" customHeight="1" x14ac:dyDescent="0.4">
      <c r="A41" s="84"/>
      <c r="B41" s="70"/>
      <c r="C41" s="85"/>
      <c r="D41" s="58" t="s">
        <v>67</v>
      </c>
      <c r="E41" s="12"/>
      <c r="F41" s="12"/>
      <c r="G41" s="12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12"/>
      <c r="U41" s="12"/>
      <c r="V41" s="12"/>
      <c r="W41" s="12"/>
      <c r="X41" s="12"/>
      <c r="Y41" s="12"/>
      <c r="Z41" s="12"/>
      <c r="AA41" s="12"/>
      <c r="AB41" s="12"/>
      <c r="AC41" s="12"/>
      <c r="AD41" s="12"/>
      <c r="AE41" s="12"/>
      <c r="AF41" s="12"/>
      <c r="AG41" s="13"/>
    </row>
    <row r="42" spans="1:59" ht="17.25" customHeight="1" x14ac:dyDescent="0.4">
      <c r="A42" s="86"/>
      <c r="B42" s="87"/>
      <c r="C42" s="88"/>
      <c r="D42" s="29" t="s">
        <v>84</v>
      </c>
      <c r="E42" s="29"/>
      <c r="F42" s="29"/>
      <c r="G42" s="29"/>
      <c r="H42" s="29"/>
      <c r="I42" s="29"/>
      <c r="J42" s="29"/>
      <c r="K42" s="29"/>
      <c r="L42" s="29"/>
      <c r="M42" s="29"/>
      <c r="N42" s="29"/>
      <c r="O42" s="29"/>
      <c r="P42" s="29"/>
      <c r="Q42" s="29"/>
      <c r="R42" s="29"/>
      <c r="S42" s="10"/>
      <c r="T42" s="29"/>
      <c r="U42" s="29" t="s">
        <v>85</v>
      </c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10"/>
      <c r="AG42" s="11"/>
    </row>
    <row r="43" spans="1:59" ht="15" customHeight="1" x14ac:dyDescent="0.4">
      <c r="S43" s="12"/>
    </row>
    <row r="44" spans="1:59" ht="15" customHeight="1" x14ac:dyDescent="0.4"/>
    <row r="45" spans="1:59" ht="15" customHeight="1" x14ac:dyDescent="0.4"/>
    <row r="46" spans="1:59" ht="15" customHeight="1" x14ac:dyDescent="0.4">
      <c r="C46" s="15"/>
    </row>
    <row r="47" spans="1:59" ht="15" customHeight="1" x14ac:dyDescent="0.4"/>
    <row r="48" spans="1:59" ht="15" customHeight="1" x14ac:dyDescent="0.4"/>
    <row r="49" ht="15" customHeight="1" x14ac:dyDescent="0.4"/>
    <row r="50" ht="15" customHeight="1" x14ac:dyDescent="0.4"/>
    <row r="51" ht="15" customHeight="1" x14ac:dyDescent="0.4"/>
    <row r="52" ht="15" customHeight="1" x14ac:dyDescent="0.4"/>
    <row r="53" ht="15" customHeight="1" x14ac:dyDescent="0.4"/>
    <row r="54" ht="15" customHeight="1" x14ac:dyDescent="0.4"/>
    <row r="55" ht="15" customHeight="1" x14ac:dyDescent="0.4"/>
    <row r="56" ht="15" customHeight="1" x14ac:dyDescent="0.4"/>
    <row r="57" ht="15" customHeight="1" x14ac:dyDescent="0.4"/>
    <row r="58" ht="15" customHeight="1" x14ac:dyDescent="0.4"/>
    <row r="59" ht="15" customHeight="1" x14ac:dyDescent="0.4"/>
    <row r="60" ht="15" customHeight="1" x14ac:dyDescent="0.4"/>
    <row r="61" ht="15" customHeight="1" x14ac:dyDescent="0.4"/>
    <row r="62" ht="15" customHeight="1" x14ac:dyDescent="0.4"/>
    <row r="63" ht="15" customHeight="1" x14ac:dyDescent="0.4"/>
    <row r="64" ht="15" customHeight="1" x14ac:dyDescent="0.4"/>
    <row r="65" ht="15" customHeight="1" x14ac:dyDescent="0.4"/>
    <row r="66" ht="15" customHeight="1" x14ac:dyDescent="0.4"/>
    <row r="67" ht="15" customHeight="1" x14ac:dyDescent="0.4"/>
    <row r="68" ht="15" customHeight="1" x14ac:dyDescent="0.4"/>
    <row r="69" ht="15" customHeight="1" x14ac:dyDescent="0.4"/>
    <row r="70" ht="15" customHeight="1" x14ac:dyDescent="0.4"/>
    <row r="71" ht="15" customHeight="1" x14ac:dyDescent="0.4"/>
    <row r="72" ht="15" customHeight="1" x14ac:dyDescent="0.4"/>
    <row r="73" ht="15" customHeight="1" x14ac:dyDescent="0.4"/>
    <row r="74" ht="15" customHeight="1" x14ac:dyDescent="0.4"/>
    <row r="75" ht="15" customHeight="1" x14ac:dyDescent="0.4"/>
    <row r="76" ht="15" customHeight="1" x14ac:dyDescent="0.4"/>
    <row r="77" ht="15" customHeight="1" x14ac:dyDescent="0.4"/>
    <row r="78" ht="15" customHeight="1" x14ac:dyDescent="0.4"/>
    <row r="79" ht="15" customHeight="1" x14ac:dyDescent="0.4"/>
    <row r="80" ht="15" customHeight="1" x14ac:dyDescent="0.4"/>
    <row r="81" ht="15" customHeight="1" x14ac:dyDescent="0.4"/>
    <row r="82" ht="15" customHeight="1" x14ac:dyDescent="0.4"/>
    <row r="83" ht="15" customHeight="1" x14ac:dyDescent="0.4"/>
    <row r="84" ht="15" customHeight="1" x14ac:dyDescent="0.4"/>
    <row r="85" ht="15" customHeight="1" x14ac:dyDescent="0.4"/>
    <row r="86" ht="15" customHeight="1" x14ac:dyDescent="0.4"/>
    <row r="87" ht="15" customHeight="1" x14ac:dyDescent="0.4"/>
    <row r="88" ht="15" customHeight="1" x14ac:dyDescent="0.4"/>
    <row r="89" ht="15" customHeight="1" x14ac:dyDescent="0.4"/>
    <row r="90" ht="15" customHeight="1" x14ac:dyDescent="0.4"/>
    <row r="91" ht="15" customHeight="1" x14ac:dyDescent="0.4"/>
    <row r="92" ht="15" customHeight="1" x14ac:dyDescent="0.4"/>
    <row r="93" ht="15" customHeight="1" x14ac:dyDescent="0.4"/>
    <row r="94" ht="15" customHeight="1" x14ac:dyDescent="0.4"/>
    <row r="95" ht="15" customHeight="1" x14ac:dyDescent="0.4"/>
    <row r="96" ht="15" customHeight="1" x14ac:dyDescent="0.4"/>
    <row r="97" ht="15" customHeight="1" x14ac:dyDescent="0.4"/>
    <row r="98" ht="15" customHeight="1" x14ac:dyDescent="0.4"/>
    <row r="99" ht="15" customHeight="1" x14ac:dyDescent="0.4"/>
    <row r="100" ht="15" customHeight="1" x14ac:dyDescent="0.4"/>
    <row r="101" ht="15" customHeight="1" x14ac:dyDescent="0.4"/>
    <row r="102" ht="15" customHeight="1" x14ac:dyDescent="0.4"/>
    <row r="103" ht="15" customHeight="1" x14ac:dyDescent="0.4"/>
    <row r="104" ht="15" customHeight="1" x14ac:dyDescent="0.4"/>
    <row r="105" ht="15" customHeight="1" x14ac:dyDescent="0.4"/>
    <row r="106" ht="15" customHeight="1" x14ac:dyDescent="0.4"/>
    <row r="107" ht="15" customHeight="1" x14ac:dyDescent="0.4"/>
    <row r="108" ht="15" customHeight="1" x14ac:dyDescent="0.4"/>
    <row r="109" ht="15" customHeight="1" x14ac:dyDescent="0.4"/>
    <row r="110" ht="15" customHeight="1" x14ac:dyDescent="0.4"/>
    <row r="111" ht="15" customHeight="1" x14ac:dyDescent="0.4"/>
    <row r="112" ht="15" customHeight="1" x14ac:dyDescent="0.4"/>
    <row r="113" ht="15" customHeight="1" x14ac:dyDescent="0.4"/>
    <row r="114" ht="15" customHeight="1" x14ac:dyDescent="0.4"/>
    <row r="115" ht="15" customHeight="1" x14ac:dyDescent="0.4"/>
    <row r="116" ht="15" customHeight="1" x14ac:dyDescent="0.4"/>
    <row r="117" ht="15" customHeight="1" x14ac:dyDescent="0.4"/>
    <row r="118" ht="15" customHeight="1" x14ac:dyDescent="0.4"/>
    <row r="119" ht="15" customHeight="1" x14ac:dyDescent="0.4"/>
    <row r="120" ht="15" customHeight="1" x14ac:dyDescent="0.4"/>
    <row r="121" ht="15" customHeight="1" x14ac:dyDescent="0.4"/>
    <row r="122" ht="15" customHeight="1" x14ac:dyDescent="0.4"/>
    <row r="123" ht="15" customHeight="1" x14ac:dyDescent="0.4"/>
    <row r="124" ht="15" customHeight="1" x14ac:dyDescent="0.4"/>
    <row r="125" ht="15" customHeight="1" x14ac:dyDescent="0.4"/>
    <row r="126" ht="15" customHeight="1" x14ac:dyDescent="0.4"/>
    <row r="127" ht="15" customHeight="1" x14ac:dyDescent="0.4"/>
    <row r="128" ht="15" customHeight="1" x14ac:dyDescent="0.4"/>
    <row r="129" ht="15" customHeight="1" x14ac:dyDescent="0.4"/>
    <row r="130" ht="15" customHeight="1" x14ac:dyDescent="0.4"/>
    <row r="131" ht="15" customHeight="1" x14ac:dyDescent="0.4"/>
    <row r="132" ht="15" customHeight="1" x14ac:dyDescent="0.4"/>
    <row r="133" ht="15" customHeight="1" x14ac:dyDescent="0.4"/>
    <row r="134" ht="15" customHeight="1" x14ac:dyDescent="0.4"/>
    <row r="135" ht="15" customHeight="1" x14ac:dyDescent="0.4"/>
    <row r="136" ht="15" customHeight="1" x14ac:dyDescent="0.4"/>
    <row r="137" ht="15" customHeight="1" x14ac:dyDescent="0.4"/>
    <row r="138" ht="15" customHeight="1" x14ac:dyDescent="0.4"/>
    <row r="139" ht="15" customHeight="1" x14ac:dyDescent="0.4"/>
    <row r="140" ht="15" customHeight="1" x14ac:dyDescent="0.4"/>
    <row r="141" ht="15" customHeight="1" x14ac:dyDescent="0.4"/>
    <row r="142" ht="15" customHeight="1" x14ac:dyDescent="0.4"/>
    <row r="143" ht="15" customHeight="1" x14ac:dyDescent="0.4"/>
    <row r="144" ht="15" customHeight="1" x14ac:dyDescent="0.4"/>
    <row r="145" ht="15" customHeight="1" x14ac:dyDescent="0.4"/>
    <row r="146" ht="15" customHeight="1" x14ac:dyDescent="0.4"/>
    <row r="147" ht="15" customHeight="1" x14ac:dyDescent="0.4"/>
    <row r="148" ht="15" customHeight="1" x14ac:dyDescent="0.4"/>
    <row r="149" ht="15" customHeight="1" x14ac:dyDescent="0.4"/>
    <row r="150" ht="15" customHeight="1" x14ac:dyDescent="0.4"/>
    <row r="151" ht="15" customHeight="1" x14ac:dyDescent="0.4"/>
    <row r="152" ht="15" customHeight="1" x14ac:dyDescent="0.4"/>
    <row r="153" ht="15" customHeight="1" x14ac:dyDescent="0.4"/>
    <row r="154" ht="15" customHeight="1" x14ac:dyDescent="0.4"/>
    <row r="155" ht="15" customHeight="1" x14ac:dyDescent="0.4"/>
    <row r="156" ht="15" customHeight="1" x14ac:dyDescent="0.4"/>
    <row r="157" ht="15" customHeight="1" x14ac:dyDescent="0.4"/>
    <row r="158" ht="15" customHeight="1" x14ac:dyDescent="0.4"/>
    <row r="159" ht="15" customHeight="1" x14ac:dyDescent="0.4"/>
    <row r="160" ht="15" customHeight="1" x14ac:dyDescent="0.4"/>
    <row r="161" ht="15" customHeight="1" x14ac:dyDescent="0.4"/>
    <row r="162" ht="15" customHeight="1" x14ac:dyDescent="0.4"/>
    <row r="163" ht="15" customHeight="1" x14ac:dyDescent="0.4"/>
    <row r="164" ht="15" customHeight="1" x14ac:dyDescent="0.4"/>
    <row r="165" ht="15" customHeight="1" x14ac:dyDescent="0.4"/>
    <row r="166" ht="15" customHeight="1" x14ac:dyDescent="0.4"/>
    <row r="167" ht="15" customHeight="1" x14ac:dyDescent="0.4"/>
    <row r="168" ht="15" customHeight="1" x14ac:dyDescent="0.4"/>
    <row r="169" ht="15" customHeight="1" x14ac:dyDescent="0.4"/>
    <row r="170" ht="15" customHeight="1" x14ac:dyDescent="0.4"/>
    <row r="171" ht="15" customHeight="1" x14ac:dyDescent="0.4"/>
    <row r="172" ht="15" customHeight="1" x14ac:dyDescent="0.4"/>
    <row r="173" ht="15" customHeight="1" x14ac:dyDescent="0.4"/>
    <row r="174" ht="15" customHeight="1" x14ac:dyDescent="0.4"/>
    <row r="175" ht="15" customHeight="1" x14ac:dyDescent="0.4"/>
    <row r="176" ht="15" customHeight="1" x14ac:dyDescent="0.4"/>
    <row r="177" ht="15" customHeight="1" x14ac:dyDescent="0.4"/>
    <row r="178" ht="15" customHeight="1" x14ac:dyDescent="0.4"/>
    <row r="179" ht="15" customHeight="1" x14ac:dyDescent="0.4"/>
    <row r="180" ht="15" customHeight="1" x14ac:dyDescent="0.4"/>
    <row r="181" ht="15" customHeight="1" x14ac:dyDescent="0.4"/>
    <row r="182" ht="15" customHeight="1" x14ac:dyDescent="0.4"/>
    <row r="183" ht="15" customHeight="1" x14ac:dyDescent="0.4"/>
    <row r="184" ht="15" customHeight="1" x14ac:dyDescent="0.4"/>
    <row r="185" ht="15" customHeight="1" x14ac:dyDescent="0.4"/>
    <row r="186" ht="15" customHeight="1" x14ac:dyDescent="0.4"/>
    <row r="187" ht="15" customHeight="1" x14ac:dyDescent="0.4"/>
    <row r="188" ht="15" customHeight="1" x14ac:dyDescent="0.4"/>
    <row r="189" ht="15" customHeight="1" x14ac:dyDescent="0.4"/>
    <row r="190" ht="15" customHeight="1" x14ac:dyDescent="0.4"/>
    <row r="191" ht="15" customHeight="1" x14ac:dyDescent="0.4"/>
    <row r="192" ht="15" customHeight="1" x14ac:dyDescent="0.4"/>
    <row r="193" ht="15" customHeight="1" x14ac:dyDescent="0.4"/>
    <row r="194" ht="15" customHeight="1" x14ac:dyDescent="0.4"/>
    <row r="195" ht="15" customHeight="1" x14ac:dyDescent="0.4"/>
    <row r="196" ht="15" customHeight="1" x14ac:dyDescent="0.4"/>
    <row r="197" ht="15" customHeight="1" x14ac:dyDescent="0.4"/>
    <row r="198" ht="15" customHeight="1" x14ac:dyDescent="0.4"/>
    <row r="199" ht="15" customHeight="1" x14ac:dyDescent="0.4"/>
    <row r="200" ht="15" customHeight="1" x14ac:dyDescent="0.4"/>
    <row r="201" ht="15" customHeight="1" x14ac:dyDescent="0.4"/>
    <row r="202" ht="15" customHeight="1" x14ac:dyDescent="0.4"/>
    <row r="203" ht="15" customHeight="1" x14ac:dyDescent="0.4"/>
    <row r="204" ht="15" customHeight="1" x14ac:dyDescent="0.4"/>
    <row r="205" ht="15" customHeight="1" x14ac:dyDescent="0.4"/>
    <row r="206" ht="15" customHeight="1" x14ac:dyDescent="0.4"/>
    <row r="207" ht="15" customHeight="1" x14ac:dyDescent="0.4"/>
    <row r="208" ht="15" customHeight="1" x14ac:dyDescent="0.4"/>
    <row r="209" ht="15" customHeight="1" x14ac:dyDescent="0.4"/>
    <row r="210" ht="15" customHeight="1" x14ac:dyDescent="0.4"/>
    <row r="211" ht="15" customHeight="1" x14ac:dyDescent="0.4"/>
    <row r="212" ht="15" customHeight="1" x14ac:dyDescent="0.4"/>
    <row r="213" ht="15" customHeight="1" x14ac:dyDescent="0.4"/>
    <row r="214" ht="15" customHeight="1" x14ac:dyDescent="0.4"/>
    <row r="215" ht="15" customHeight="1" x14ac:dyDescent="0.4"/>
    <row r="216" ht="15" customHeight="1" x14ac:dyDescent="0.4"/>
    <row r="217" ht="15" customHeight="1" x14ac:dyDescent="0.4"/>
    <row r="218" ht="15" customHeight="1" x14ac:dyDescent="0.4"/>
    <row r="219" ht="15" customHeight="1" x14ac:dyDescent="0.4"/>
    <row r="220" ht="15" customHeight="1" x14ac:dyDescent="0.4"/>
    <row r="221" ht="15" customHeight="1" x14ac:dyDescent="0.4"/>
    <row r="222" ht="15" customHeight="1" x14ac:dyDescent="0.4"/>
    <row r="223" ht="15" customHeight="1" x14ac:dyDescent="0.4"/>
    <row r="224" ht="15" customHeight="1" x14ac:dyDescent="0.4"/>
    <row r="225" ht="15" customHeight="1" x14ac:dyDescent="0.4"/>
    <row r="226" ht="15" customHeight="1" x14ac:dyDescent="0.4"/>
    <row r="227" ht="15" customHeight="1" x14ac:dyDescent="0.4"/>
    <row r="228" ht="15" customHeight="1" x14ac:dyDescent="0.4"/>
    <row r="229" ht="15" customHeight="1" x14ac:dyDescent="0.4"/>
    <row r="230" ht="15" customHeight="1" x14ac:dyDescent="0.4"/>
    <row r="231" ht="15" customHeight="1" x14ac:dyDescent="0.4"/>
    <row r="232" ht="15" customHeight="1" x14ac:dyDescent="0.4"/>
    <row r="233" ht="15" customHeight="1" x14ac:dyDescent="0.4"/>
    <row r="234" ht="15" customHeight="1" x14ac:dyDescent="0.4"/>
    <row r="235" ht="15" customHeight="1" x14ac:dyDescent="0.4"/>
    <row r="236" ht="15" customHeight="1" x14ac:dyDescent="0.4"/>
    <row r="237" ht="15" customHeight="1" x14ac:dyDescent="0.4"/>
    <row r="238" ht="15" customHeight="1" x14ac:dyDescent="0.4"/>
    <row r="239" ht="15" customHeight="1" x14ac:dyDescent="0.4"/>
    <row r="240" ht="15" customHeight="1" x14ac:dyDescent="0.4"/>
    <row r="241" ht="15" customHeight="1" x14ac:dyDescent="0.4"/>
    <row r="242" ht="15" customHeight="1" x14ac:dyDescent="0.4"/>
    <row r="243" ht="15" customHeight="1" x14ac:dyDescent="0.4"/>
    <row r="244" ht="15" customHeight="1" x14ac:dyDescent="0.4"/>
    <row r="245" ht="15" customHeight="1" x14ac:dyDescent="0.4"/>
    <row r="246" ht="15" customHeight="1" x14ac:dyDescent="0.4"/>
    <row r="247" ht="15" customHeight="1" x14ac:dyDescent="0.4"/>
    <row r="248" ht="15" customHeight="1" x14ac:dyDescent="0.4"/>
    <row r="249" ht="15" customHeight="1" x14ac:dyDescent="0.4"/>
    <row r="250" ht="15" customHeight="1" x14ac:dyDescent="0.4"/>
    <row r="251" ht="15" customHeight="1" x14ac:dyDescent="0.4"/>
    <row r="252" ht="15" customHeight="1" x14ac:dyDescent="0.4"/>
    <row r="253" ht="15" customHeight="1" x14ac:dyDescent="0.4"/>
    <row r="254" ht="15" customHeight="1" x14ac:dyDescent="0.4"/>
    <row r="255" ht="15" customHeight="1" x14ac:dyDescent="0.4"/>
    <row r="256" ht="15" customHeight="1" x14ac:dyDescent="0.4"/>
    <row r="257" ht="15" customHeight="1" x14ac:dyDescent="0.4"/>
    <row r="258" ht="15" customHeight="1" x14ac:dyDescent="0.4"/>
    <row r="259" ht="15" customHeight="1" x14ac:dyDescent="0.4"/>
    <row r="260" ht="15" customHeight="1" x14ac:dyDescent="0.4"/>
    <row r="261" ht="15" customHeight="1" x14ac:dyDescent="0.4"/>
    <row r="262" ht="15" customHeight="1" x14ac:dyDescent="0.4"/>
    <row r="263" ht="15" customHeight="1" x14ac:dyDescent="0.4"/>
    <row r="264" ht="15" customHeight="1" x14ac:dyDescent="0.4"/>
    <row r="265" ht="15" customHeight="1" x14ac:dyDescent="0.4"/>
    <row r="266" ht="15" customHeight="1" x14ac:dyDescent="0.4"/>
    <row r="267" ht="15" customHeight="1" x14ac:dyDescent="0.4"/>
    <row r="268" ht="15" customHeight="1" x14ac:dyDescent="0.4"/>
    <row r="269" ht="15" customHeight="1" x14ac:dyDescent="0.4"/>
    <row r="270" ht="15" customHeight="1" x14ac:dyDescent="0.4"/>
    <row r="271" ht="15" customHeight="1" x14ac:dyDescent="0.4"/>
    <row r="272" ht="15" customHeight="1" x14ac:dyDescent="0.4"/>
    <row r="273" ht="15" customHeight="1" x14ac:dyDescent="0.4"/>
    <row r="274" ht="15" customHeight="1" x14ac:dyDescent="0.4"/>
    <row r="275" ht="15" customHeight="1" x14ac:dyDescent="0.4"/>
    <row r="276" ht="15" customHeight="1" x14ac:dyDescent="0.4"/>
    <row r="277" ht="15" customHeight="1" x14ac:dyDescent="0.4"/>
    <row r="278" ht="15" customHeight="1" x14ac:dyDescent="0.4"/>
    <row r="279" ht="15" customHeight="1" x14ac:dyDescent="0.4"/>
    <row r="280" ht="15" customHeight="1" x14ac:dyDescent="0.4"/>
    <row r="281" ht="15" customHeight="1" x14ac:dyDescent="0.4"/>
    <row r="282" ht="15" customHeight="1" x14ac:dyDescent="0.4"/>
    <row r="283" ht="15" customHeight="1" x14ac:dyDescent="0.4"/>
    <row r="284" ht="15" customHeight="1" x14ac:dyDescent="0.4"/>
    <row r="285" ht="15" customHeight="1" x14ac:dyDescent="0.4"/>
    <row r="286" ht="15" customHeight="1" x14ac:dyDescent="0.4"/>
    <row r="287" ht="15" customHeight="1" x14ac:dyDescent="0.4"/>
    <row r="288" ht="15" customHeight="1" x14ac:dyDescent="0.4"/>
    <row r="289" ht="15" customHeight="1" x14ac:dyDescent="0.4"/>
    <row r="290" ht="15" customHeight="1" x14ac:dyDescent="0.4"/>
    <row r="291" ht="15" customHeight="1" x14ac:dyDescent="0.4"/>
    <row r="292" ht="15" customHeight="1" x14ac:dyDescent="0.4"/>
    <row r="293" ht="15" customHeight="1" x14ac:dyDescent="0.4"/>
    <row r="294" ht="15" customHeight="1" x14ac:dyDescent="0.4"/>
    <row r="295" ht="15" customHeight="1" x14ac:dyDescent="0.4"/>
    <row r="296" ht="15" customHeight="1" x14ac:dyDescent="0.4"/>
    <row r="297" ht="15" customHeight="1" x14ac:dyDescent="0.4"/>
    <row r="298" ht="15" customHeight="1" x14ac:dyDescent="0.4"/>
    <row r="299" ht="15" customHeight="1" x14ac:dyDescent="0.4"/>
    <row r="300" ht="15" customHeight="1" x14ac:dyDescent="0.4"/>
    <row r="301" ht="15" customHeight="1" x14ac:dyDescent="0.4"/>
    <row r="302" ht="15" customHeight="1" x14ac:dyDescent="0.4"/>
    <row r="303" ht="15" customHeight="1" x14ac:dyDescent="0.4"/>
    <row r="304" ht="15" customHeight="1" x14ac:dyDescent="0.4"/>
    <row r="305" ht="15" customHeight="1" x14ac:dyDescent="0.4"/>
    <row r="306" ht="15" customHeight="1" x14ac:dyDescent="0.4"/>
    <row r="307" ht="15" customHeight="1" x14ac:dyDescent="0.4"/>
    <row r="308" ht="15" customHeight="1" x14ac:dyDescent="0.4"/>
    <row r="309" ht="15" customHeight="1" x14ac:dyDescent="0.4"/>
    <row r="310" ht="15" customHeight="1" x14ac:dyDescent="0.4"/>
    <row r="311" ht="15" customHeight="1" x14ac:dyDescent="0.4"/>
    <row r="312" ht="15" customHeight="1" x14ac:dyDescent="0.4"/>
    <row r="313" ht="15" customHeight="1" x14ac:dyDescent="0.4"/>
    <row r="314" ht="15" customHeight="1" x14ac:dyDescent="0.4"/>
    <row r="315" ht="15" customHeight="1" x14ac:dyDescent="0.4"/>
    <row r="316" ht="15" customHeight="1" x14ac:dyDescent="0.4"/>
    <row r="317" ht="15" customHeight="1" x14ac:dyDescent="0.4"/>
    <row r="318" ht="15" customHeight="1" x14ac:dyDescent="0.4"/>
    <row r="319" ht="15" customHeight="1" x14ac:dyDescent="0.4"/>
    <row r="320" ht="15" customHeight="1" x14ac:dyDescent="0.4"/>
    <row r="321" ht="15" customHeight="1" x14ac:dyDescent="0.4"/>
    <row r="322" ht="15" customHeight="1" x14ac:dyDescent="0.4"/>
    <row r="323" ht="15" customHeight="1" x14ac:dyDescent="0.4"/>
    <row r="324" ht="15" customHeight="1" x14ac:dyDescent="0.4"/>
    <row r="325" ht="15" customHeight="1" x14ac:dyDescent="0.4"/>
    <row r="326" ht="15" customHeight="1" x14ac:dyDescent="0.4"/>
    <row r="327" ht="15" customHeight="1" x14ac:dyDescent="0.4"/>
    <row r="328" ht="15" customHeight="1" x14ac:dyDescent="0.4"/>
    <row r="329" ht="15" customHeight="1" x14ac:dyDescent="0.4"/>
    <row r="330" ht="15" customHeight="1" x14ac:dyDescent="0.4"/>
  </sheetData>
  <mergeCells count="71">
    <mergeCell ref="D35:AG35"/>
    <mergeCell ref="D21:H21"/>
    <mergeCell ref="S21:W21"/>
    <mergeCell ref="T34:X34"/>
    <mergeCell ref="T33:X33"/>
    <mergeCell ref="T32:X32"/>
    <mergeCell ref="O34:S34"/>
    <mergeCell ref="D33:N33"/>
    <mergeCell ref="W24:AG25"/>
    <mergeCell ref="AD32:AG32"/>
    <mergeCell ref="Y34:AC34"/>
    <mergeCell ref="Y33:AC33"/>
    <mergeCell ref="Y32:AC32"/>
    <mergeCell ref="D34:N34"/>
    <mergeCell ref="AD33:AG34"/>
    <mergeCell ref="A2:AG2"/>
    <mergeCell ref="AF5:AG5"/>
    <mergeCell ref="A14:C15"/>
    <mergeCell ref="AA5:AB5"/>
    <mergeCell ref="AD5:AE5"/>
    <mergeCell ref="A18:C19"/>
    <mergeCell ref="Y12:AF12"/>
    <mergeCell ref="A10:C10"/>
    <mergeCell ref="E16:G16"/>
    <mergeCell ref="A3:T3"/>
    <mergeCell ref="U4:W4"/>
    <mergeCell ref="R4:T4"/>
    <mergeCell ref="E18:G18"/>
    <mergeCell ref="S19:W19"/>
    <mergeCell ref="S17:W17"/>
    <mergeCell ref="V10:X10"/>
    <mergeCell ref="A38:C39"/>
    <mergeCell ref="D39:H39"/>
    <mergeCell ref="E20:G20"/>
    <mergeCell ref="S20:W20"/>
    <mergeCell ref="S16:W16"/>
    <mergeCell ref="U5:V5"/>
    <mergeCell ref="L38:R39"/>
    <mergeCell ref="O33:S33"/>
    <mergeCell ref="O32:S32"/>
    <mergeCell ref="D32:N32"/>
    <mergeCell ref="X4:Y5"/>
    <mergeCell ref="R5:T5"/>
    <mergeCell ref="A40:C42"/>
    <mergeCell ref="A22:C23"/>
    <mergeCell ref="A11:C13"/>
    <mergeCell ref="S18:W18"/>
    <mergeCell ref="D19:H19"/>
    <mergeCell ref="A20:C21"/>
    <mergeCell ref="D29:AG31"/>
    <mergeCell ref="A24:C28"/>
    <mergeCell ref="D17:H17"/>
    <mergeCell ref="A16:C17"/>
    <mergeCell ref="AB3:AC3"/>
    <mergeCell ref="AD3:AE3"/>
    <mergeCell ref="A4:C4"/>
    <mergeCell ref="D13:AG13"/>
    <mergeCell ref="D11:AG11"/>
    <mergeCell ref="Z6:Z7"/>
    <mergeCell ref="A5:C5"/>
    <mergeCell ref="A6:C7"/>
    <mergeCell ref="AA10:AB10"/>
    <mergeCell ref="AD10:AE10"/>
    <mergeCell ref="AA6:AG7"/>
    <mergeCell ref="A8:C8"/>
    <mergeCell ref="D38:H38"/>
    <mergeCell ref="D36:K36"/>
    <mergeCell ref="M36:S36"/>
    <mergeCell ref="A29:C31"/>
    <mergeCell ref="A36:C37"/>
    <mergeCell ref="A32:C35"/>
  </mergeCells>
  <phoneticPr fontId="1"/>
  <printOptions horizontalCentered="1" verticalCentered="1"/>
  <pageMargins left="0.27559055118110237" right="0.27559055118110237" top="0.19685039370078741" bottom="0.19685039370078741" header="0.31496062992125984" footer="0.31496062992125984"/>
  <pageSetup paperSize="9" scale="9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立十三市民病院</dc:creator>
  <cp:lastModifiedBy>Administrator</cp:lastModifiedBy>
  <cp:lastPrinted>2026-03-27T03:10:40Z</cp:lastPrinted>
  <dcterms:created xsi:type="dcterms:W3CDTF">2024-09-04T04:19:28Z</dcterms:created>
  <dcterms:modified xsi:type="dcterms:W3CDTF">2026-04-02T01:11:58Z</dcterms:modified>
</cp:coreProperties>
</file>